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7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8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9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10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4104" r:id="rId4"/>
    <p:sldMasterId id="2147484222" r:id="rId5"/>
    <p:sldMasterId id="2147484236" r:id="rId6"/>
  </p:sldMasterIdLst>
  <p:notesMasterIdLst>
    <p:notesMasterId r:id="rId35"/>
  </p:notesMasterIdLst>
  <p:handoutMasterIdLst>
    <p:handoutMasterId r:id="rId36"/>
  </p:handoutMasterIdLst>
  <p:sldIdLst>
    <p:sldId id="256" r:id="rId7"/>
    <p:sldId id="1083" r:id="rId8"/>
    <p:sldId id="371" r:id="rId9"/>
    <p:sldId id="1091" r:id="rId10"/>
    <p:sldId id="1082" r:id="rId11"/>
    <p:sldId id="1112" r:id="rId12"/>
    <p:sldId id="1363" r:id="rId13"/>
    <p:sldId id="1364" r:id="rId14"/>
    <p:sldId id="1106" r:id="rId15"/>
    <p:sldId id="1113" r:id="rId16"/>
    <p:sldId id="1081" r:id="rId17"/>
    <p:sldId id="1097" r:id="rId18"/>
    <p:sldId id="1365" r:id="rId19"/>
    <p:sldId id="1098" r:id="rId20"/>
    <p:sldId id="1092" r:id="rId21"/>
    <p:sldId id="1096" r:id="rId22"/>
    <p:sldId id="1349" r:id="rId23"/>
    <p:sldId id="1351" r:id="rId24"/>
    <p:sldId id="1354" r:id="rId25"/>
    <p:sldId id="1093" r:id="rId26"/>
    <p:sldId id="1337" r:id="rId27"/>
    <p:sldId id="1366" r:id="rId28"/>
    <p:sldId id="1094" r:id="rId29"/>
    <p:sldId id="1367" r:id="rId30"/>
    <p:sldId id="1095" r:id="rId31"/>
    <p:sldId id="1099" r:id="rId32"/>
    <p:sldId id="1368" r:id="rId33"/>
    <p:sldId id="1115" r:id="rId34"/>
  </p:sldIdLst>
  <p:sldSz cx="12188825" cy="6858000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1pPr>
    <a:lvl2pPr marL="609240" algn="l" rtl="0" fontAlgn="base">
      <a:spcBef>
        <a:spcPct val="0"/>
      </a:spcBef>
      <a:spcAft>
        <a:spcPct val="0"/>
      </a:spcAft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2pPr>
    <a:lvl3pPr marL="1218507" algn="l" rtl="0" fontAlgn="base">
      <a:spcBef>
        <a:spcPct val="0"/>
      </a:spcBef>
      <a:spcAft>
        <a:spcPct val="0"/>
      </a:spcAft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3pPr>
    <a:lvl4pPr marL="1827755" algn="l" rtl="0" fontAlgn="base">
      <a:spcBef>
        <a:spcPct val="0"/>
      </a:spcBef>
      <a:spcAft>
        <a:spcPct val="0"/>
      </a:spcAft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4pPr>
    <a:lvl5pPr marL="2437012" algn="l" rtl="0" fontAlgn="base">
      <a:spcBef>
        <a:spcPct val="0"/>
      </a:spcBef>
      <a:spcAft>
        <a:spcPct val="0"/>
      </a:spcAft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5pPr>
    <a:lvl6pPr marL="3046251" algn="l" defTabSz="1218507" rtl="0" eaLnBrk="1" latinLnBrk="0" hangingPunct="1"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6pPr>
    <a:lvl7pPr marL="3655491" algn="l" defTabSz="1218507" rtl="0" eaLnBrk="1" latinLnBrk="0" hangingPunct="1"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7pPr>
    <a:lvl8pPr marL="4264747" algn="l" defTabSz="1218507" rtl="0" eaLnBrk="1" latinLnBrk="0" hangingPunct="1"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8pPr>
    <a:lvl9pPr marL="4873996" algn="l" defTabSz="1218507" rtl="0" eaLnBrk="1" latinLnBrk="0" hangingPunct="1">
      <a:defRPr sz="4799" b="1" kern="1200">
        <a:solidFill>
          <a:schemeClr val="tx1"/>
        </a:solidFill>
        <a:latin typeface="Arial" pitchFamily="34" charset="0"/>
        <a:ea typeface="ＭＳ Ｐゴシック" pitchFamily="34" charset="-128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itle_Slide" id="{F852DB7A-D2D4-0D46-82F1-7655FB1F3411}">
          <p14:sldIdLst>
            <p14:sldId id="256"/>
          </p14:sldIdLst>
        </p14:section>
        <p14:section name="Section_Divider" id="{76BC6173-39F5-D443-A2E3-FBEF241EDFFB}">
          <p14:sldIdLst>
            <p14:sldId id="1083"/>
            <p14:sldId id="371"/>
          </p14:sldIdLst>
        </p14:section>
        <p14:section name="Presentation" id="{7C57F92C-31A8-5B47-9210-76D74FDC6448}">
          <p14:sldIdLst>
            <p14:sldId id="1091"/>
            <p14:sldId id="1082"/>
            <p14:sldId id="1112"/>
            <p14:sldId id="1363"/>
            <p14:sldId id="1364"/>
            <p14:sldId id="1106"/>
            <p14:sldId id="1113"/>
            <p14:sldId id="1081"/>
            <p14:sldId id="1097"/>
            <p14:sldId id="1365"/>
            <p14:sldId id="1098"/>
            <p14:sldId id="1092"/>
            <p14:sldId id="1096"/>
            <p14:sldId id="1349"/>
            <p14:sldId id="1351"/>
            <p14:sldId id="1354"/>
            <p14:sldId id="1093"/>
            <p14:sldId id="1337"/>
            <p14:sldId id="1366"/>
            <p14:sldId id="1094"/>
            <p14:sldId id="1367"/>
            <p14:sldId id="1095"/>
            <p14:sldId id="1099"/>
            <p14:sldId id="1368"/>
            <p14:sldId id="1115"/>
          </p14:sldIdLst>
        </p14:section>
        <p14:section name="3" id="{90035AE2-D18E-E443-8E4B-3C53F9D4B434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883" userDrawn="1">
          <p15:clr>
            <a:srgbClr val="A4A3A4"/>
          </p15:clr>
        </p15:guide>
        <p15:guide id="2" orient="horz" pos="1072" userDrawn="1">
          <p15:clr>
            <a:srgbClr val="A4A3A4"/>
          </p15:clr>
        </p15:guide>
        <p15:guide id="3" orient="horz" pos="257" userDrawn="1">
          <p15:clr>
            <a:srgbClr val="A4A3A4"/>
          </p15:clr>
        </p15:guide>
        <p15:guide id="4" orient="horz" pos="5504" userDrawn="1">
          <p15:clr>
            <a:srgbClr val="A4A3A4"/>
          </p15:clr>
        </p15:guide>
        <p15:guide id="5" orient="horz" pos="1977" userDrawn="1">
          <p15:clr>
            <a:srgbClr val="A4A3A4"/>
          </p15:clr>
        </p15:guide>
        <p15:guide id="6" orient="horz" pos="4685" userDrawn="1">
          <p15:clr>
            <a:srgbClr val="A4A3A4"/>
          </p15:clr>
        </p15:guide>
        <p15:guide id="7" orient="horz" pos="3777" userDrawn="1">
          <p15:clr>
            <a:srgbClr val="A4A3A4"/>
          </p15:clr>
        </p15:guide>
        <p15:guide id="8" pos="3839" userDrawn="1">
          <p15:clr>
            <a:srgbClr val="A4A3A4"/>
          </p15:clr>
        </p15:guide>
        <p15:guide id="9" pos="6312" userDrawn="1">
          <p15:clr>
            <a:srgbClr val="A4A3A4"/>
          </p15:clr>
        </p15:guide>
        <p15:guide id="10" pos="2611" userDrawn="1">
          <p15:clr>
            <a:srgbClr val="A4A3A4"/>
          </p15:clr>
        </p15:guide>
        <p15:guide id="11" pos="5076" userDrawn="1">
          <p15:clr>
            <a:srgbClr val="A4A3A4"/>
          </p15:clr>
        </p15:guide>
        <p15:guide id="12" pos="7421" userDrawn="1">
          <p15:clr>
            <a:srgbClr val="A4A3A4"/>
          </p15:clr>
        </p15:guide>
        <p15:guide id="13" pos="1369" userDrawn="1">
          <p15:clr>
            <a:srgbClr val="A4A3A4"/>
          </p15:clr>
        </p15:guide>
        <p15:guide id="14" pos="143" userDrawn="1">
          <p15:clr>
            <a:srgbClr val="A4A3A4"/>
          </p15:clr>
        </p15:guide>
        <p15:guide id="15" orient="horz" pos="2163" userDrawn="1">
          <p15:clr>
            <a:srgbClr val="A4A3A4"/>
          </p15:clr>
        </p15:guide>
        <p15:guide id="16" orient="horz" pos="816" userDrawn="1">
          <p15:clr>
            <a:srgbClr val="A4A3A4"/>
          </p15:clr>
        </p15:guide>
        <p15:guide id="17" orient="horz" pos="193" userDrawn="1">
          <p15:clr>
            <a:srgbClr val="A4A3A4"/>
          </p15:clr>
        </p15:guide>
        <p15:guide id="18" orient="horz" pos="4128" userDrawn="1">
          <p15:clr>
            <a:srgbClr val="A4A3A4"/>
          </p15:clr>
        </p15:guide>
        <p15:guide id="19" orient="horz" pos="1483" userDrawn="1">
          <p15:clr>
            <a:srgbClr val="A4A3A4"/>
          </p15:clr>
        </p15:guide>
        <p15:guide id="20" orient="horz" pos="3515" userDrawn="1">
          <p15:clr>
            <a:srgbClr val="A4A3A4"/>
          </p15:clr>
        </p15:guide>
        <p15:guide id="21" orient="horz" pos="2833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208">
          <p15:clr>
            <a:srgbClr val="A4A3A4"/>
          </p15:clr>
        </p15:guide>
        <p15:guide id="2" pos="2928">
          <p15:clr>
            <a:srgbClr val="A4A3A4"/>
          </p15:clr>
        </p15:guide>
        <p15:guide id="3" orient="horz" pos="2928">
          <p15:clr>
            <a:srgbClr val="A4A3A4"/>
          </p15:clr>
        </p15:guide>
        <p15:guide id="4" pos="2208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rneson,John" initials="A" lastIdx="3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1093"/>
    <a:srgbClr val="FFFFFF"/>
    <a:srgbClr val="F46C23"/>
    <a:srgbClr val="FDB800"/>
    <a:srgbClr val="5C6770"/>
    <a:srgbClr val="74BD43"/>
    <a:srgbClr val="75BE43"/>
    <a:srgbClr val="00A6E1"/>
    <a:srgbClr val="00A7E2"/>
    <a:srgbClr val="007DB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166"/>
    <p:restoredTop sz="46292"/>
  </p:normalViewPr>
  <p:slideViewPr>
    <p:cSldViewPr snapToGrid="0">
      <p:cViewPr varScale="1">
        <p:scale>
          <a:sx n="59" d="100"/>
          <a:sy n="59" d="100"/>
        </p:scale>
        <p:origin x="3616" y="192"/>
      </p:cViewPr>
      <p:guideLst>
        <p:guide orient="horz" pos="2883"/>
        <p:guide orient="horz" pos="1072"/>
        <p:guide orient="horz" pos="257"/>
        <p:guide orient="horz" pos="5504"/>
        <p:guide orient="horz" pos="1977"/>
        <p:guide orient="horz" pos="4685"/>
        <p:guide orient="horz" pos="3777"/>
        <p:guide pos="3839"/>
        <p:guide pos="6312"/>
        <p:guide pos="2611"/>
        <p:guide pos="5076"/>
        <p:guide pos="7421"/>
        <p:guide pos="1369"/>
        <p:guide pos="143"/>
        <p:guide orient="horz" pos="2163"/>
        <p:guide orient="horz" pos="816"/>
        <p:guide orient="horz" pos="193"/>
        <p:guide orient="horz" pos="4128"/>
        <p:guide orient="horz" pos="1483"/>
        <p:guide orient="horz" pos="3515"/>
        <p:guide orient="horz" pos="2833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>
        <p:scale>
          <a:sx n="1" d="2"/>
          <a:sy n="1" d="2"/>
        </p:scale>
        <p:origin x="5296" y="1496"/>
      </p:cViewPr>
      <p:guideLst>
        <p:guide orient="horz" pos="2208"/>
        <p:guide pos="2928"/>
        <p:guide orient="horz" pos="2928"/>
        <p:guide pos="2208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viewProps" Target="viewProps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notesMaster" Target="notesMasters/notesMaster1.xml"/><Relationship Id="rId8" Type="http://schemas.openxmlformats.org/officeDocument/2006/relationships/slide" Target="slides/slide2.xml"/><Relationship Id="rId3" Type="http://schemas.openxmlformats.org/officeDocument/2006/relationships/customXml" Target="../customXml/item3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E190FBB-2C98-6D40-B654-1690C5272D7F}" type="doc">
      <dgm:prSet loTypeId="urn:microsoft.com/office/officeart/2008/layout/VerticalCurvedList" loCatId="process" qsTypeId="urn:microsoft.com/office/officeart/2005/8/quickstyle/simple1" qsCatId="simple" csTypeId="urn:microsoft.com/office/officeart/2005/8/colors/accent1_4" csCatId="accent1"/>
      <dgm:spPr/>
      <dgm:t>
        <a:bodyPr/>
        <a:lstStyle/>
        <a:p>
          <a:endParaRPr lang="en-US"/>
        </a:p>
      </dgm:t>
    </dgm:pt>
    <dgm:pt modelId="{F660C766-58D2-0B43-B1AD-D5630D8BE754}">
      <dgm:prSet/>
      <dgm:spPr/>
      <dgm:t>
        <a:bodyPr/>
        <a:lstStyle/>
        <a:p>
          <a:r>
            <a:rPr lang="en-US" b="0" i="0"/>
            <a:t>Background</a:t>
          </a:r>
          <a:endParaRPr lang="en-US"/>
        </a:p>
      </dgm:t>
    </dgm:pt>
    <dgm:pt modelId="{C4B34881-FF5C-F746-8F51-DEA47F15BCA9}" type="parTrans" cxnId="{FE0C68AC-DB37-9A4E-9AE9-06B8F8FB384D}">
      <dgm:prSet/>
      <dgm:spPr/>
      <dgm:t>
        <a:bodyPr/>
        <a:lstStyle/>
        <a:p>
          <a:endParaRPr lang="en-US"/>
        </a:p>
      </dgm:t>
    </dgm:pt>
    <dgm:pt modelId="{7F97430D-6117-BC4C-9571-B1A6596A9742}" type="sibTrans" cxnId="{FE0C68AC-DB37-9A4E-9AE9-06B8F8FB384D}">
      <dgm:prSet/>
      <dgm:spPr/>
      <dgm:t>
        <a:bodyPr/>
        <a:lstStyle/>
        <a:p>
          <a:endParaRPr lang="en-US"/>
        </a:p>
      </dgm:t>
    </dgm:pt>
    <dgm:pt modelId="{81922015-D03B-D548-996C-0994D96B5D0D}">
      <dgm:prSet/>
      <dgm:spPr/>
      <dgm:t>
        <a:bodyPr/>
        <a:lstStyle/>
        <a:p>
          <a:r>
            <a:rPr lang="en-US" b="0" i="0"/>
            <a:t>FHIR Resources</a:t>
          </a:r>
          <a:endParaRPr lang="en-US"/>
        </a:p>
      </dgm:t>
    </dgm:pt>
    <dgm:pt modelId="{4F47437A-5FC3-F548-A3BE-E0EBB91B8C6B}" type="parTrans" cxnId="{288C0431-0DAD-A841-BFA6-4BB1DF72E05F}">
      <dgm:prSet/>
      <dgm:spPr/>
      <dgm:t>
        <a:bodyPr/>
        <a:lstStyle/>
        <a:p>
          <a:endParaRPr lang="en-US"/>
        </a:p>
      </dgm:t>
    </dgm:pt>
    <dgm:pt modelId="{6C7034C1-0AB0-1746-B13D-E0727CE6425E}" type="sibTrans" cxnId="{288C0431-0DAD-A841-BFA6-4BB1DF72E05F}">
      <dgm:prSet/>
      <dgm:spPr/>
      <dgm:t>
        <a:bodyPr/>
        <a:lstStyle/>
        <a:p>
          <a:endParaRPr lang="en-US"/>
        </a:p>
      </dgm:t>
    </dgm:pt>
    <dgm:pt modelId="{8B7AE741-6606-CB43-952D-F4A92B1B9722}">
      <dgm:prSet/>
      <dgm:spPr/>
      <dgm:t>
        <a:bodyPr/>
        <a:lstStyle/>
        <a:p>
          <a:r>
            <a:rPr lang="en-US" b="0" i="0"/>
            <a:t>Prerequisites</a:t>
          </a:r>
          <a:endParaRPr lang="en-US"/>
        </a:p>
      </dgm:t>
    </dgm:pt>
    <dgm:pt modelId="{ED8E56A6-D59D-F041-AC73-BE0C434A63EC}" type="parTrans" cxnId="{825C2DEF-2594-814C-ADBA-38223F3C34A7}">
      <dgm:prSet/>
      <dgm:spPr/>
      <dgm:t>
        <a:bodyPr/>
        <a:lstStyle/>
        <a:p>
          <a:endParaRPr lang="en-US"/>
        </a:p>
      </dgm:t>
    </dgm:pt>
    <dgm:pt modelId="{69196656-1489-A447-936C-77A062A01D5E}" type="sibTrans" cxnId="{825C2DEF-2594-814C-ADBA-38223F3C34A7}">
      <dgm:prSet/>
      <dgm:spPr/>
      <dgm:t>
        <a:bodyPr/>
        <a:lstStyle/>
        <a:p>
          <a:endParaRPr lang="en-US"/>
        </a:p>
      </dgm:t>
    </dgm:pt>
    <dgm:pt modelId="{6AAF0515-EE6C-874B-819E-ACB59046573F}">
      <dgm:prSet/>
      <dgm:spPr/>
      <dgm:t>
        <a:bodyPr/>
        <a:lstStyle/>
        <a:p>
          <a:r>
            <a:rPr lang="en-US" b="0" i="0"/>
            <a:t>Roadmap</a:t>
          </a:r>
          <a:endParaRPr lang="en-US"/>
        </a:p>
      </dgm:t>
    </dgm:pt>
    <dgm:pt modelId="{75ACF94B-285B-6040-A208-E5F254E1902E}" type="parTrans" cxnId="{2769DF11-B458-5B42-85A8-4203B0816D63}">
      <dgm:prSet/>
      <dgm:spPr/>
      <dgm:t>
        <a:bodyPr/>
        <a:lstStyle/>
        <a:p>
          <a:endParaRPr lang="en-US"/>
        </a:p>
      </dgm:t>
    </dgm:pt>
    <dgm:pt modelId="{DAAD3CEC-54DA-5B4A-ACE7-8312954F7E2F}" type="sibTrans" cxnId="{2769DF11-B458-5B42-85A8-4203B0816D63}">
      <dgm:prSet/>
      <dgm:spPr/>
      <dgm:t>
        <a:bodyPr/>
        <a:lstStyle/>
        <a:p>
          <a:endParaRPr lang="en-US"/>
        </a:p>
      </dgm:t>
    </dgm:pt>
    <dgm:pt modelId="{2136D7A1-DEE5-CF40-8E74-42BD80B1428B}">
      <dgm:prSet/>
      <dgm:spPr/>
      <dgm:t>
        <a:bodyPr/>
        <a:lstStyle/>
        <a:p>
          <a:r>
            <a:rPr lang="en-US" b="0" i="0" dirty="0"/>
            <a:t>Validation</a:t>
          </a:r>
          <a:endParaRPr lang="en-US" dirty="0"/>
        </a:p>
      </dgm:t>
    </dgm:pt>
    <dgm:pt modelId="{705104CA-16E9-CE4F-948E-D5351614EFE3}" type="parTrans" cxnId="{70746B1E-75A4-1948-A67B-42B5B42BC4DD}">
      <dgm:prSet/>
      <dgm:spPr/>
      <dgm:t>
        <a:bodyPr/>
        <a:lstStyle/>
        <a:p>
          <a:endParaRPr lang="en-US"/>
        </a:p>
      </dgm:t>
    </dgm:pt>
    <dgm:pt modelId="{187BA7BE-E4C1-B84A-828A-11DD6FFF7490}" type="sibTrans" cxnId="{70746B1E-75A4-1948-A67B-42B5B42BC4DD}">
      <dgm:prSet/>
      <dgm:spPr/>
      <dgm:t>
        <a:bodyPr/>
        <a:lstStyle/>
        <a:p>
          <a:endParaRPr lang="en-US"/>
        </a:p>
      </dgm:t>
    </dgm:pt>
    <dgm:pt modelId="{C8B305CB-DD98-FE48-AD91-568D557F5E63}">
      <dgm:prSet/>
      <dgm:spPr/>
      <dgm:t>
        <a:bodyPr/>
        <a:lstStyle/>
        <a:p>
          <a:r>
            <a:rPr lang="en-US" b="0" i="0" dirty="0"/>
            <a:t>References</a:t>
          </a:r>
          <a:endParaRPr lang="en-US" dirty="0"/>
        </a:p>
      </dgm:t>
    </dgm:pt>
    <dgm:pt modelId="{8BCCE074-4BE6-5141-A4BA-D6DBF42143D9}" type="parTrans" cxnId="{92D2B2CD-B2DF-0646-A4AA-1BB408A3A8D6}">
      <dgm:prSet/>
      <dgm:spPr/>
      <dgm:t>
        <a:bodyPr/>
        <a:lstStyle/>
        <a:p>
          <a:endParaRPr lang="en-US"/>
        </a:p>
      </dgm:t>
    </dgm:pt>
    <dgm:pt modelId="{368ADB02-8C7A-314B-9595-355898C03F4C}" type="sibTrans" cxnId="{92D2B2CD-B2DF-0646-A4AA-1BB408A3A8D6}">
      <dgm:prSet/>
      <dgm:spPr/>
      <dgm:t>
        <a:bodyPr/>
        <a:lstStyle/>
        <a:p>
          <a:endParaRPr lang="en-US"/>
        </a:p>
      </dgm:t>
    </dgm:pt>
    <dgm:pt modelId="{08C6A612-E6E2-D049-BD84-F15638627FEB}" type="pres">
      <dgm:prSet presAssocID="{FE190FBB-2C98-6D40-B654-1690C5272D7F}" presName="Name0" presStyleCnt="0">
        <dgm:presLayoutVars>
          <dgm:chMax val="7"/>
          <dgm:chPref val="7"/>
          <dgm:dir/>
        </dgm:presLayoutVars>
      </dgm:prSet>
      <dgm:spPr/>
    </dgm:pt>
    <dgm:pt modelId="{4454EDE0-4100-0C4B-9132-E28F5EA7C639}" type="pres">
      <dgm:prSet presAssocID="{FE190FBB-2C98-6D40-B654-1690C5272D7F}" presName="Name1" presStyleCnt="0"/>
      <dgm:spPr/>
    </dgm:pt>
    <dgm:pt modelId="{CC871B2D-29FA-EE4F-A90A-547D137218FA}" type="pres">
      <dgm:prSet presAssocID="{FE190FBB-2C98-6D40-B654-1690C5272D7F}" presName="cycle" presStyleCnt="0"/>
      <dgm:spPr/>
    </dgm:pt>
    <dgm:pt modelId="{F125CD66-5C9F-ED42-91D0-FC18CDA15138}" type="pres">
      <dgm:prSet presAssocID="{FE190FBB-2C98-6D40-B654-1690C5272D7F}" presName="srcNode" presStyleLbl="node1" presStyleIdx="0" presStyleCnt="6"/>
      <dgm:spPr/>
    </dgm:pt>
    <dgm:pt modelId="{D53AA87F-FD2D-2447-8F13-264321D15B54}" type="pres">
      <dgm:prSet presAssocID="{FE190FBB-2C98-6D40-B654-1690C5272D7F}" presName="conn" presStyleLbl="parChTrans1D2" presStyleIdx="0" presStyleCnt="1"/>
      <dgm:spPr/>
    </dgm:pt>
    <dgm:pt modelId="{5C18E6E5-8095-4A43-A3AC-4A0E667C1C10}" type="pres">
      <dgm:prSet presAssocID="{FE190FBB-2C98-6D40-B654-1690C5272D7F}" presName="extraNode" presStyleLbl="node1" presStyleIdx="0" presStyleCnt="6"/>
      <dgm:spPr/>
    </dgm:pt>
    <dgm:pt modelId="{A603F2A1-C22D-5A4D-85F0-E6BE07AB4636}" type="pres">
      <dgm:prSet presAssocID="{FE190FBB-2C98-6D40-B654-1690C5272D7F}" presName="dstNode" presStyleLbl="node1" presStyleIdx="0" presStyleCnt="6"/>
      <dgm:spPr/>
    </dgm:pt>
    <dgm:pt modelId="{DF77CEE8-7732-144B-843F-5FB48C77EBB4}" type="pres">
      <dgm:prSet presAssocID="{F660C766-58D2-0B43-B1AD-D5630D8BE754}" presName="text_1" presStyleLbl="node1" presStyleIdx="0" presStyleCnt="6">
        <dgm:presLayoutVars>
          <dgm:bulletEnabled val="1"/>
        </dgm:presLayoutVars>
      </dgm:prSet>
      <dgm:spPr/>
    </dgm:pt>
    <dgm:pt modelId="{AED8B048-7C1E-2A44-A7DF-4329C03FAA02}" type="pres">
      <dgm:prSet presAssocID="{F660C766-58D2-0B43-B1AD-D5630D8BE754}" presName="accent_1" presStyleCnt="0"/>
      <dgm:spPr/>
    </dgm:pt>
    <dgm:pt modelId="{59E02E46-08CD-1843-9D8B-B7C0849FCE05}" type="pres">
      <dgm:prSet presAssocID="{F660C766-58D2-0B43-B1AD-D5630D8BE754}" presName="accentRepeatNode" presStyleLbl="solidFgAcc1" presStyleIdx="0" presStyleCnt="6"/>
      <dgm:spPr/>
    </dgm:pt>
    <dgm:pt modelId="{79D6CF75-B210-8B46-B119-CD0F99E1A80D}" type="pres">
      <dgm:prSet presAssocID="{81922015-D03B-D548-996C-0994D96B5D0D}" presName="text_2" presStyleLbl="node1" presStyleIdx="1" presStyleCnt="6">
        <dgm:presLayoutVars>
          <dgm:bulletEnabled val="1"/>
        </dgm:presLayoutVars>
      </dgm:prSet>
      <dgm:spPr/>
    </dgm:pt>
    <dgm:pt modelId="{3D0D157F-35E5-DA4F-AC75-55FF8740DE7D}" type="pres">
      <dgm:prSet presAssocID="{81922015-D03B-D548-996C-0994D96B5D0D}" presName="accent_2" presStyleCnt="0"/>
      <dgm:spPr/>
    </dgm:pt>
    <dgm:pt modelId="{4EB62FB5-7A7F-AE4A-99AF-95871F45C603}" type="pres">
      <dgm:prSet presAssocID="{81922015-D03B-D548-996C-0994D96B5D0D}" presName="accentRepeatNode" presStyleLbl="solidFgAcc1" presStyleIdx="1" presStyleCnt="6"/>
      <dgm:spPr/>
    </dgm:pt>
    <dgm:pt modelId="{F7F6CF79-D446-904C-8984-21DA2852EAEC}" type="pres">
      <dgm:prSet presAssocID="{8B7AE741-6606-CB43-952D-F4A92B1B9722}" presName="text_3" presStyleLbl="node1" presStyleIdx="2" presStyleCnt="6">
        <dgm:presLayoutVars>
          <dgm:bulletEnabled val="1"/>
        </dgm:presLayoutVars>
      </dgm:prSet>
      <dgm:spPr/>
    </dgm:pt>
    <dgm:pt modelId="{9DAA663C-89A0-3140-AFD5-C64CE7220C23}" type="pres">
      <dgm:prSet presAssocID="{8B7AE741-6606-CB43-952D-F4A92B1B9722}" presName="accent_3" presStyleCnt="0"/>
      <dgm:spPr/>
    </dgm:pt>
    <dgm:pt modelId="{EC8C8848-8BE1-1949-83C7-5EC7DE74F862}" type="pres">
      <dgm:prSet presAssocID="{8B7AE741-6606-CB43-952D-F4A92B1B9722}" presName="accentRepeatNode" presStyleLbl="solidFgAcc1" presStyleIdx="2" presStyleCnt="6"/>
      <dgm:spPr/>
    </dgm:pt>
    <dgm:pt modelId="{D6A8DEB7-A1F8-CA45-8344-CB709B366442}" type="pres">
      <dgm:prSet presAssocID="{6AAF0515-EE6C-874B-819E-ACB59046573F}" presName="text_4" presStyleLbl="node1" presStyleIdx="3" presStyleCnt="6">
        <dgm:presLayoutVars>
          <dgm:bulletEnabled val="1"/>
        </dgm:presLayoutVars>
      </dgm:prSet>
      <dgm:spPr/>
    </dgm:pt>
    <dgm:pt modelId="{F1AE7BC4-F271-834D-83AF-D9A178447F87}" type="pres">
      <dgm:prSet presAssocID="{6AAF0515-EE6C-874B-819E-ACB59046573F}" presName="accent_4" presStyleCnt="0"/>
      <dgm:spPr/>
    </dgm:pt>
    <dgm:pt modelId="{2FB36916-C9CF-004D-8AB9-36DFDAB8E8C9}" type="pres">
      <dgm:prSet presAssocID="{6AAF0515-EE6C-874B-819E-ACB59046573F}" presName="accentRepeatNode" presStyleLbl="solidFgAcc1" presStyleIdx="3" presStyleCnt="6"/>
      <dgm:spPr/>
    </dgm:pt>
    <dgm:pt modelId="{7BCB6FB5-FA39-4041-8270-77A40BA7A664}" type="pres">
      <dgm:prSet presAssocID="{2136D7A1-DEE5-CF40-8E74-42BD80B1428B}" presName="text_5" presStyleLbl="node1" presStyleIdx="4" presStyleCnt="6">
        <dgm:presLayoutVars>
          <dgm:bulletEnabled val="1"/>
        </dgm:presLayoutVars>
      </dgm:prSet>
      <dgm:spPr/>
    </dgm:pt>
    <dgm:pt modelId="{B06104A2-FF38-AA4D-9922-9580645285C7}" type="pres">
      <dgm:prSet presAssocID="{2136D7A1-DEE5-CF40-8E74-42BD80B1428B}" presName="accent_5" presStyleCnt="0"/>
      <dgm:spPr/>
    </dgm:pt>
    <dgm:pt modelId="{6984E8A0-B86F-BC41-AC5D-6B80639235C6}" type="pres">
      <dgm:prSet presAssocID="{2136D7A1-DEE5-CF40-8E74-42BD80B1428B}" presName="accentRepeatNode" presStyleLbl="solidFgAcc1" presStyleIdx="4" presStyleCnt="6"/>
      <dgm:spPr/>
    </dgm:pt>
    <dgm:pt modelId="{2061DA64-3BE1-D149-B263-4B2CAD8DCBDE}" type="pres">
      <dgm:prSet presAssocID="{C8B305CB-DD98-FE48-AD91-568D557F5E63}" presName="text_6" presStyleLbl="node1" presStyleIdx="5" presStyleCnt="6">
        <dgm:presLayoutVars>
          <dgm:bulletEnabled val="1"/>
        </dgm:presLayoutVars>
      </dgm:prSet>
      <dgm:spPr/>
    </dgm:pt>
    <dgm:pt modelId="{F54FACAE-EE1F-114A-9420-B11D813A1D05}" type="pres">
      <dgm:prSet presAssocID="{C8B305CB-DD98-FE48-AD91-568D557F5E63}" presName="accent_6" presStyleCnt="0"/>
      <dgm:spPr/>
    </dgm:pt>
    <dgm:pt modelId="{041A5ACE-749A-2A42-9FB5-7611C8FBF250}" type="pres">
      <dgm:prSet presAssocID="{C8B305CB-DD98-FE48-AD91-568D557F5E63}" presName="accentRepeatNode" presStyleLbl="solidFgAcc1" presStyleIdx="5" presStyleCnt="6"/>
      <dgm:spPr/>
    </dgm:pt>
  </dgm:ptLst>
  <dgm:cxnLst>
    <dgm:cxn modelId="{2769DF11-B458-5B42-85A8-4203B0816D63}" srcId="{FE190FBB-2C98-6D40-B654-1690C5272D7F}" destId="{6AAF0515-EE6C-874B-819E-ACB59046573F}" srcOrd="3" destOrd="0" parTransId="{75ACF94B-285B-6040-A208-E5F254E1902E}" sibTransId="{DAAD3CEC-54DA-5B4A-ACE7-8312954F7E2F}"/>
    <dgm:cxn modelId="{70746B1E-75A4-1948-A67B-42B5B42BC4DD}" srcId="{FE190FBB-2C98-6D40-B654-1690C5272D7F}" destId="{2136D7A1-DEE5-CF40-8E74-42BD80B1428B}" srcOrd="4" destOrd="0" parTransId="{705104CA-16E9-CE4F-948E-D5351614EFE3}" sibTransId="{187BA7BE-E4C1-B84A-828A-11DD6FFF7490}"/>
    <dgm:cxn modelId="{1BE0AB2E-2E80-0049-9241-C98C26EFFEE2}" type="presOf" srcId="{6AAF0515-EE6C-874B-819E-ACB59046573F}" destId="{D6A8DEB7-A1F8-CA45-8344-CB709B366442}" srcOrd="0" destOrd="0" presId="urn:microsoft.com/office/officeart/2008/layout/VerticalCurvedList"/>
    <dgm:cxn modelId="{288C0431-0DAD-A841-BFA6-4BB1DF72E05F}" srcId="{FE190FBB-2C98-6D40-B654-1690C5272D7F}" destId="{81922015-D03B-D548-996C-0994D96B5D0D}" srcOrd="1" destOrd="0" parTransId="{4F47437A-5FC3-F548-A3BE-E0EBB91B8C6B}" sibTransId="{6C7034C1-0AB0-1746-B13D-E0727CE6425E}"/>
    <dgm:cxn modelId="{F1107049-CB28-7F49-96BC-C5C4804811A6}" type="presOf" srcId="{81922015-D03B-D548-996C-0994D96B5D0D}" destId="{79D6CF75-B210-8B46-B119-CD0F99E1A80D}" srcOrd="0" destOrd="0" presId="urn:microsoft.com/office/officeart/2008/layout/VerticalCurvedList"/>
    <dgm:cxn modelId="{A9D97972-7026-6E43-9172-6C69B5867D29}" type="presOf" srcId="{F660C766-58D2-0B43-B1AD-D5630D8BE754}" destId="{DF77CEE8-7732-144B-843F-5FB48C77EBB4}" srcOrd="0" destOrd="0" presId="urn:microsoft.com/office/officeart/2008/layout/VerticalCurvedList"/>
    <dgm:cxn modelId="{805C4C7E-BA8F-044B-9B15-F3B846FA148D}" type="presOf" srcId="{8B7AE741-6606-CB43-952D-F4A92B1B9722}" destId="{F7F6CF79-D446-904C-8984-21DA2852EAEC}" srcOrd="0" destOrd="0" presId="urn:microsoft.com/office/officeart/2008/layout/VerticalCurvedList"/>
    <dgm:cxn modelId="{F87C9781-A74F-044F-8CE9-089E3EB6A9F3}" type="presOf" srcId="{C8B305CB-DD98-FE48-AD91-568D557F5E63}" destId="{2061DA64-3BE1-D149-B263-4B2CAD8DCBDE}" srcOrd="0" destOrd="0" presId="urn:microsoft.com/office/officeart/2008/layout/VerticalCurvedList"/>
    <dgm:cxn modelId="{E98A3EA1-9E58-D247-9B49-DDFF1352A36C}" type="presOf" srcId="{2136D7A1-DEE5-CF40-8E74-42BD80B1428B}" destId="{7BCB6FB5-FA39-4041-8270-77A40BA7A664}" srcOrd="0" destOrd="0" presId="urn:microsoft.com/office/officeart/2008/layout/VerticalCurvedList"/>
    <dgm:cxn modelId="{B8F82FA2-623D-0C45-A549-E608369858D8}" type="presOf" srcId="{7F97430D-6117-BC4C-9571-B1A6596A9742}" destId="{D53AA87F-FD2D-2447-8F13-264321D15B54}" srcOrd="0" destOrd="0" presId="urn:microsoft.com/office/officeart/2008/layout/VerticalCurvedList"/>
    <dgm:cxn modelId="{FE0C68AC-DB37-9A4E-9AE9-06B8F8FB384D}" srcId="{FE190FBB-2C98-6D40-B654-1690C5272D7F}" destId="{F660C766-58D2-0B43-B1AD-D5630D8BE754}" srcOrd="0" destOrd="0" parTransId="{C4B34881-FF5C-F746-8F51-DEA47F15BCA9}" sibTransId="{7F97430D-6117-BC4C-9571-B1A6596A9742}"/>
    <dgm:cxn modelId="{92D2B2CD-B2DF-0646-A4AA-1BB408A3A8D6}" srcId="{FE190FBB-2C98-6D40-B654-1690C5272D7F}" destId="{C8B305CB-DD98-FE48-AD91-568D557F5E63}" srcOrd="5" destOrd="0" parTransId="{8BCCE074-4BE6-5141-A4BA-D6DBF42143D9}" sibTransId="{368ADB02-8C7A-314B-9595-355898C03F4C}"/>
    <dgm:cxn modelId="{825C2DEF-2594-814C-ADBA-38223F3C34A7}" srcId="{FE190FBB-2C98-6D40-B654-1690C5272D7F}" destId="{8B7AE741-6606-CB43-952D-F4A92B1B9722}" srcOrd="2" destOrd="0" parTransId="{ED8E56A6-D59D-F041-AC73-BE0C434A63EC}" sibTransId="{69196656-1489-A447-936C-77A062A01D5E}"/>
    <dgm:cxn modelId="{68CA56FB-C354-3D41-9A52-FE7600D7A564}" type="presOf" srcId="{FE190FBB-2C98-6D40-B654-1690C5272D7F}" destId="{08C6A612-E6E2-D049-BD84-F15638627FEB}" srcOrd="0" destOrd="0" presId="urn:microsoft.com/office/officeart/2008/layout/VerticalCurvedList"/>
    <dgm:cxn modelId="{93DD27A7-E658-434F-8AD0-C5D3036C7E04}" type="presParOf" srcId="{08C6A612-E6E2-D049-BD84-F15638627FEB}" destId="{4454EDE0-4100-0C4B-9132-E28F5EA7C639}" srcOrd="0" destOrd="0" presId="urn:microsoft.com/office/officeart/2008/layout/VerticalCurvedList"/>
    <dgm:cxn modelId="{1883BF60-D95B-2B48-91B8-BB0699629E7A}" type="presParOf" srcId="{4454EDE0-4100-0C4B-9132-E28F5EA7C639}" destId="{CC871B2D-29FA-EE4F-A90A-547D137218FA}" srcOrd="0" destOrd="0" presId="urn:microsoft.com/office/officeart/2008/layout/VerticalCurvedList"/>
    <dgm:cxn modelId="{28600A68-47F3-A747-8D42-CDCCB5A0C61E}" type="presParOf" srcId="{CC871B2D-29FA-EE4F-A90A-547D137218FA}" destId="{F125CD66-5C9F-ED42-91D0-FC18CDA15138}" srcOrd="0" destOrd="0" presId="urn:microsoft.com/office/officeart/2008/layout/VerticalCurvedList"/>
    <dgm:cxn modelId="{122CFFE9-F7C3-7147-8A18-E6A0C6032F0D}" type="presParOf" srcId="{CC871B2D-29FA-EE4F-A90A-547D137218FA}" destId="{D53AA87F-FD2D-2447-8F13-264321D15B54}" srcOrd="1" destOrd="0" presId="urn:microsoft.com/office/officeart/2008/layout/VerticalCurvedList"/>
    <dgm:cxn modelId="{9C15C2C0-AABD-6644-90AC-FE08B7AC76C5}" type="presParOf" srcId="{CC871B2D-29FA-EE4F-A90A-547D137218FA}" destId="{5C18E6E5-8095-4A43-A3AC-4A0E667C1C10}" srcOrd="2" destOrd="0" presId="urn:microsoft.com/office/officeart/2008/layout/VerticalCurvedList"/>
    <dgm:cxn modelId="{84814386-84F7-6841-94E7-4F6FACA1D4A6}" type="presParOf" srcId="{CC871B2D-29FA-EE4F-A90A-547D137218FA}" destId="{A603F2A1-C22D-5A4D-85F0-E6BE07AB4636}" srcOrd="3" destOrd="0" presId="urn:microsoft.com/office/officeart/2008/layout/VerticalCurvedList"/>
    <dgm:cxn modelId="{A20954DE-5A6F-0D4E-A0F7-316C8F377F61}" type="presParOf" srcId="{4454EDE0-4100-0C4B-9132-E28F5EA7C639}" destId="{DF77CEE8-7732-144B-843F-5FB48C77EBB4}" srcOrd="1" destOrd="0" presId="urn:microsoft.com/office/officeart/2008/layout/VerticalCurvedList"/>
    <dgm:cxn modelId="{8A9E1C7A-B979-F940-91A1-38E061065E15}" type="presParOf" srcId="{4454EDE0-4100-0C4B-9132-E28F5EA7C639}" destId="{AED8B048-7C1E-2A44-A7DF-4329C03FAA02}" srcOrd="2" destOrd="0" presId="urn:microsoft.com/office/officeart/2008/layout/VerticalCurvedList"/>
    <dgm:cxn modelId="{8139F26F-2294-3C41-A210-1465E7F5803D}" type="presParOf" srcId="{AED8B048-7C1E-2A44-A7DF-4329C03FAA02}" destId="{59E02E46-08CD-1843-9D8B-B7C0849FCE05}" srcOrd="0" destOrd="0" presId="urn:microsoft.com/office/officeart/2008/layout/VerticalCurvedList"/>
    <dgm:cxn modelId="{DDE6AF8B-FDF2-2248-82B0-8E412ACFEEAD}" type="presParOf" srcId="{4454EDE0-4100-0C4B-9132-E28F5EA7C639}" destId="{79D6CF75-B210-8B46-B119-CD0F99E1A80D}" srcOrd="3" destOrd="0" presId="urn:microsoft.com/office/officeart/2008/layout/VerticalCurvedList"/>
    <dgm:cxn modelId="{2A40D846-D6E2-0C4A-95B2-F7B87A37E01A}" type="presParOf" srcId="{4454EDE0-4100-0C4B-9132-E28F5EA7C639}" destId="{3D0D157F-35E5-DA4F-AC75-55FF8740DE7D}" srcOrd="4" destOrd="0" presId="urn:microsoft.com/office/officeart/2008/layout/VerticalCurvedList"/>
    <dgm:cxn modelId="{A8F7FD74-B4CC-8B45-956A-C71E4FE5DC2F}" type="presParOf" srcId="{3D0D157F-35E5-DA4F-AC75-55FF8740DE7D}" destId="{4EB62FB5-7A7F-AE4A-99AF-95871F45C603}" srcOrd="0" destOrd="0" presId="urn:microsoft.com/office/officeart/2008/layout/VerticalCurvedList"/>
    <dgm:cxn modelId="{12EA0E4D-5B8C-2A45-8FB3-F90836E6C5F7}" type="presParOf" srcId="{4454EDE0-4100-0C4B-9132-E28F5EA7C639}" destId="{F7F6CF79-D446-904C-8984-21DA2852EAEC}" srcOrd="5" destOrd="0" presId="urn:microsoft.com/office/officeart/2008/layout/VerticalCurvedList"/>
    <dgm:cxn modelId="{51530A3A-7B14-3847-9725-6C65C427B5F7}" type="presParOf" srcId="{4454EDE0-4100-0C4B-9132-E28F5EA7C639}" destId="{9DAA663C-89A0-3140-AFD5-C64CE7220C23}" srcOrd="6" destOrd="0" presId="urn:microsoft.com/office/officeart/2008/layout/VerticalCurvedList"/>
    <dgm:cxn modelId="{8CB9B1C3-BE2A-6543-8754-EDC3FF6E996D}" type="presParOf" srcId="{9DAA663C-89A0-3140-AFD5-C64CE7220C23}" destId="{EC8C8848-8BE1-1949-83C7-5EC7DE74F862}" srcOrd="0" destOrd="0" presId="urn:microsoft.com/office/officeart/2008/layout/VerticalCurvedList"/>
    <dgm:cxn modelId="{A2377C6C-7A40-D449-B553-CEE9BD01399C}" type="presParOf" srcId="{4454EDE0-4100-0C4B-9132-E28F5EA7C639}" destId="{D6A8DEB7-A1F8-CA45-8344-CB709B366442}" srcOrd="7" destOrd="0" presId="urn:microsoft.com/office/officeart/2008/layout/VerticalCurvedList"/>
    <dgm:cxn modelId="{25025615-8334-E048-9697-9459A050DDFB}" type="presParOf" srcId="{4454EDE0-4100-0C4B-9132-E28F5EA7C639}" destId="{F1AE7BC4-F271-834D-83AF-D9A178447F87}" srcOrd="8" destOrd="0" presId="urn:microsoft.com/office/officeart/2008/layout/VerticalCurvedList"/>
    <dgm:cxn modelId="{426A0EDA-F11F-1542-A346-F6FC47DBC6D5}" type="presParOf" srcId="{F1AE7BC4-F271-834D-83AF-D9A178447F87}" destId="{2FB36916-C9CF-004D-8AB9-36DFDAB8E8C9}" srcOrd="0" destOrd="0" presId="urn:microsoft.com/office/officeart/2008/layout/VerticalCurvedList"/>
    <dgm:cxn modelId="{9EDE850C-7C42-0A49-801C-B5BD64B0CFE8}" type="presParOf" srcId="{4454EDE0-4100-0C4B-9132-E28F5EA7C639}" destId="{7BCB6FB5-FA39-4041-8270-77A40BA7A664}" srcOrd="9" destOrd="0" presId="urn:microsoft.com/office/officeart/2008/layout/VerticalCurvedList"/>
    <dgm:cxn modelId="{86C0B11B-942C-2C4D-A294-9D7013EE30B3}" type="presParOf" srcId="{4454EDE0-4100-0C4B-9132-E28F5EA7C639}" destId="{B06104A2-FF38-AA4D-9922-9580645285C7}" srcOrd="10" destOrd="0" presId="urn:microsoft.com/office/officeart/2008/layout/VerticalCurvedList"/>
    <dgm:cxn modelId="{B0B0F033-83EF-DB46-867F-7AABA78B1457}" type="presParOf" srcId="{B06104A2-FF38-AA4D-9922-9580645285C7}" destId="{6984E8A0-B86F-BC41-AC5D-6B80639235C6}" srcOrd="0" destOrd="0" presId="urn:microsoft.com/office/officeart/2008/layout/VerticalCurvedList"/>
    <dgm:cxn modelId="{FE134F4D-60E5-9740-AD97-ACE080C9B3E7}" type="presParOf" srcId="{4454EDE0-4100-0C4B-9132-E28F5EA7C639}" destId="{2061DA64-3BE1-D149-B263-4B2CAD8DCBDE}" srcOrd="11" destOrd="0" presId="urn:microsoft.com/office/officeart/2008/layout/VerticalCurvedList"/>
    <dgm:cxn modelId="{3A95B8E8-DBBB-004C-9F3C-BBC5E17EAA02}" type="presParOf" srcId="{4454EDE0-4100-0C4B-9132-E28F5EA7C639}" destId="{F54FACAE-EE1F-114A-9420-B11D813A1D05}" srcOrd="12" destOrd="0" presId="urn:microsoft.com/office/officeart/2008/layout/VerticalCurvedList"/>
    <dgm:cxn modelId="{76382632-A83F-E04E-8B6A-C84634934DF2}" type="presParOf" srcId="{F54FACAE-EE1F-114A-9420-B11D813A1D05}" destId="{041A5ACE-749A-2A42-9FB5-7611C8FBF250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2ACE933-484B-7A42-8B9B-449DAB2D278C}" type="doc">
      <dgm:prSet loTypeId="urn:microsoft.com/office/officeart/2005/8/layout/vList2" loCatId="process" qsTypeId="urn:microsoft.com/office/officeart/2005/8/quickstyle/simple1" qsCatId="simple" csTypeId="urn:microsoft.com/office/officeart/2005/8/colors/accent1_4" csCatId="accent1" phldr="1"/>
      <dgm:spPr/>
      <dgm:t>
        <a:bodyPr/>
        <a:lstStyle/>
        <a:p>
          <a:endParaRPr lang="en-US"/>
        </a:p>
      </dgm:t>
    </dgm:pt>
    <dgm:pt modelId="{6A368AAB-45AB-514B-9627-F9ED4FCFCD70}">
      <dgm:prSet custT="1"/>
      <dgm:spPr/>
      <dgm:t>
        <a:bodyPr/>
        <a:lstStyle/>
        <a:p>
          <a:pPr algn="ctr"/>
          <a:r>
            <a:rPr lang="en-US" sz="3200" b="1" i="0" baseline="0" dirty="0"/>
            <a:t>Certification Updates</a:t>
          </a:r>
        </a:p>
        <a:p>
          <a:pPr algn="ctr"/>
          <a:r>
            <a:rPr lang="en-US" sz="1800" b="1" i="0" baseline="0" dirty="0"/>
            <a:t>“2015 CEHRT Cures Updates”</a:t>
          </a:r>
        </a:p>
      </dgm:t>
    </dgm:pt>
    <dgm:pt modelId="{366F7CBE-7D89-8141-A99E-5F38C4F31995}" type="parTrans" cxnId="{1E628129-CCC8-A646-B17A-2B6DDF505425}">
      <dgm:prSet/>
      <dgm:spPr/>
      <dgm:t>
        <a:bodyPr/>
        <a:lstStyle/>
        <a:p>
          <a:endParaRPr lang="en-US"/>
        </a:p>
      </dgm:t>
    </dgm:pt>
    <dgm:pt modelId="{0B7D4B5C-C434-2D42-BD6A-0107B8722538}" type="sibTrans" cxnId="{1E628129-CCC8-A646-B17A-2B6DDF505425}">
      <dgm:prSet/>
      <dgm:spPr/>
      <dgm:t>
        <a:bodyPr/>
        <a:lstStyle/>
        <a:p>
          <a:endParaRPr lang="en-US"/>
        </a:p>
      </dgm:t>
    </dgm:pt>
    <dgm:pt modelId="{EE31327B-2C8D-4B43-8703-27EF1A850531}">
      <dgm:prSet custT="1"/>
      <dgm:spPr>
        <a:solidFill>
          <a:schemeClr val="bg1">
            <a:lumMod val="65000"/>
          </a:schemeClr>
        </a:solidFill>
      </dgm:spPr>
      <dgm:t>
        <a:bodyPr/>
        <a:lstStyle/>
        <a:p>
          <a:pPr algn="ctr"/>
          <a:r>
            <a:rPr lang="en-US" sz="3200" b="1" i="0" baseline="0" dirty="0"/>
            <a:t>Information Blocking*</a:t>
          </a:r>
          <a:endParaRPr lang="en-US" sz="3200" b="1" dirty="0"/>
        </a:p>
      </dgm:t>
    </dgm:pt>
    <dgm:pt modelId="{95B43CA7-EFDE-5C4D-A7E4-106FA0B1FD77}" type="parTrans" cxnId="{73A50AA4-BA9B-0248-A665-67D16FF3642F}">
      <dgm:prSet/>
      <dgm:spPr/>
      <dgm:t>
        <a:bodyPr/>
        <a:lstStyle/>
        <a:p>
          <a:endParaRPr lang="en-US"/>
        </a:p>
      </dgm:t>
    </dgm:pt>
    <dgm:pt modelId="{2BF23296-C9C9-0342-B040-03A0C69B1EA6}" type="sibTrans" cxnId="{73A50AA4-BA9B-0248-A665-67D16FF3642F}">
      <dgm:prSet/>
      <dgm:spPr/>
      <dgm:t>
        <a:bodyPr/>
        <a:lstStyle/>
        <a:p>
          <a:endParaRPr lang="en-US"/>
        </a:p>
      </dgm:t>
    </dgm:pt>
    <dgm:pt modelId="{627AE543-611D-7A47-B5BD-66F8FF4DDABB}">
      <dgm:prSet custT="1"/>
      <dgm:spPr/>
      <dgm:t>
        <a:bodyPr/>
        <a:lstStyle/>
        <a:p>
          <a:pPr algn="ctr"/>
          <a:r>
            <a:rPr lang="en-US" sz="3200" b="1" dirty="0"/>
            <a:t>Patient Access</a:t>
          </a:r>
        </a:p>
      </dgm:t>
    </dgm:pt>
    <dgm:pt modelId="{51FBCF32-0534-F542-9AB9-B433E3D51CFC}" type="parTrans" cxnId="{8D910A57-2CCF-D545-AA7F-94DDCF0F7431}">
      <dgm:prSet/>
      <dgm:spPr/>
      <dgm:t>
        <a:bodyPr/>
        <a:lstStyle/>
        <a:p>
          <a:endParaRPr lang="en-US"/>
        </a:p>
      </dgm:t>
    </dgm:pt>
    <dgm:pt modelId="{8675F8DD-28E0-3E4C-B830-FBD584DD8E2D}" type="sibTrans" cxnId="{8D910A57-2CCF-D545-AA7F-94DDCF0F7431}">
      <dgm:prSet/>
      <dgm:spPr/>
      <dgm:t>
        <a:bodyPr/>
        <a:lstStyle/>
        <a:p>
          <a:endParaRPr lang="en-US"/>
        </a:p>
      </dgm:t>
    </dgm:pt>
    <dgm:pt modelId="{7BE8143B-A1AC-974A-9D96-054E7C8B7898}">
      <dgm:prSet custT="1"/>
      <dgm:spPr/>
      <dgm:t>
        <a:bodyPr/>
        <a:lstStyle/>
        <a:p>
          <a:pPr algn="l"/>
          <a:r>
            <a:rPr lang="en-US" sz="1800" b="1" i="0" baseline="0" dirty="0"/>
            <a:t>New Certification Criteria</a:t>
          </a:r>
        </a:p>
      </dgm:t>
    </dgm:pt>
    <dgm:pt modelId="{48C03A7E-FBD8-BB40-8245-BA4511A9FFE7}" type="parTrans" cxnId="{7EAD9129-DDB4-E240-9346-0DBFF3A732BF}">
      <dgm:prSet/>
      <dgm:spPr/>
      <dgm:t>
        <a:bodyPr/>
        <a:lstStyle/>
        <a:p>
          <a:endParaRPr lang="en-US"/>
        </a:p>
      </dgm:t>
    </dgm:pt>
    <dgm:pt modelId="{6E94E887-E147-B946-BFF4-AB627AEC9033}" type="sibTrans" cxnId="{7EAD9129-DDB4-E240-9346-0DBFF3A732BF}">
      <dgm:prSet/>
      <dgm:spPr/>
      <dgm:t>
        <a:bodyPr/>
        <a:lstStyle/>
        <a:p>
          <a:endParaRPr lang="en-US"/>
        </a:p>
      </dgm:t>
    </dgm:pt>
    <dgm:pt modelId="{47237899-3F35-DC45-9F46-724F096035A7}">
      <dgm:prSet custT="1"/>
      <dgm:spPr/>
      <dgm:t>
        <a:bodyPr/>
        <a:lstStyle/>
        <a:p>
          <a:pPr algn="l"/>
          <a:r>
            <a:rPr lang="en-US" sz="1800" b="1" i="0" baseline="0" dirty="0"/>
            <a:t>Revised Certification Criteria</a:t>
          </a:r>
        </a:p>
      </dgm:t>
    </dgm:pt>
    <dgm:pt modelId="{1CD2A0B9-07A8-6048-AAC8-438204B71790}" type="parTrans" cxnId="{1F23EA50-6F87-774C-AF97-A51494E5F9A3}">
      <dgm:prSet/>
      <dgm:spPr/>
      <dgm:t>
        <a:bodyPr/>
        <a:lstStyle/>
        <a:p>
          <a:endParaRPr lang="en-US"/>
        </a:p>
      </dgm:t>
    </dgm:pt>
    <dgm:pt modelId="{973244C3-C4DC-4544-B64F-3723ECBBB0E5}" type="sibTrans" cxnId="{1F23EA50-6F87-774C-AF97-A51494E5F9A3}">
      <dgm:prSet/>
      <dgm:spPr/>
      <dgm:t>
        <a:bodyPr/>
        <a:lstStyle/>
        <a:p>
          <a:endParaRPr lang="en-US"/>
        </a:p>
      </dgm:t>
    </dgm:pt>
    <dgm:pt modelId="{87A62144-B385-1740-945D-61F55D814FFC}">
      <dgm:prSet custT="1"/>
      <dgm:spPr/>
      <dgm:t>
        <a:bodyPr/>
        <a:lstStyle/>
        <a:p>
          <a:pPr algn="l"/>
          <a:r>
            <a:rPr lang="en-US" sz="1800" b="1" i="0" baseline="0" dirty="0">
              <a:solidFill>
                <a:schemeClr val="bg1">
                  <a:lumMod val="65000"/>
                </a:schemeClr>
              </a:solidFill>
            </a:rPr>
            <a:t>Removed and Time-Limited Certification Criteria*</a:t>
          </a:r>
        </a:p>
      </dgm:t>
    </dgm:pt>
    <dgm:pt modelId="{4E31423B-25FD-A84C-8197-C225567DE94D}" type="parTrans" cxnId="{D2574049-5E19-E942-B5E2-B54A08DDB936}">
      <dgm:prSet/>
      <dgm:spPr/>
      <dgm:t>
        <a:bodyPr/>
        <a:lstStyle/>
        <a:p>
          <a:endParaRPr lang="en-US"/>
        </a:p>
      </dgm:t>
    </dgm:pt>
    <dgm:pt modelId="{FBB8E549-1AE3-4242-B6AA-C8D0EC711861}" type="sibTrans" cxnId="{D2574049-5E19-E942-B5E2-B54A08DDB936}">
      <dgm:prSet/>
      <dgm:spPr/>
      <dgm:t>
        <a:bodyPr/>
        <a:lstStyle/>
        <a:p>
          <a:endParaRPr lang="en-US"/>
        </a:p>
      </dgm:t>
    </dgm:pt>
    <dgm:pt modelId="{072D2678-5972-E941-807E-46FEB65DC5D5}" type="pres">
      <dgm:prSet presAssocID="{32ACE933-484B-7A42-8B9B-449DAB2D278C}" presName="linear" presStyleCnt="0">
        <dgm:presLayoutVars>
          <dgm:animLvl val="lvl"/>
          <dgm:resizeHandles val="exact"/>
        </dgm:presLayoutVars>
      </dgm:prSet>
      <dgm:spPr/>
    </dgm:pt>
    <dgm:pt modelId="{6DB20B1D-DD2D-324E-8C37-676F1B2B3264}" type="pres">
      <dgm:prSet presAssocID="{6A368AAB-45AB-514B-9627-F9ED4FCFCD70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6B57F92F-839A-8948-A239-FD6DAC100364}" type="pres">
      <dgm:prSet presAssocID="{6A368AAB-45AB-514B-9627-F9ED4FCFCD70}" presName="childText" presStyleLbl="revTx" presStyleIdx="0" presStyleCnt="1">
        <dgm:presLayoutVars>
          <dgm:bulletEnabled val="1"/>
        </dgm:presLayoutVars>
      </dgm:prSet>
      <dgm:spPr/>
    </dgm:pt>
    <dgm:pt modelId="{827927B4-AC20-6B4A-BE33-072C47E31D16}" type="pres">
      <dgm:prSet presAssocID="{EE31327B-2C8D-4B43-8703-27EF1A850531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4C04A942-62B7-2443-BE54-569828D3456D}" type="pres">
      <dgm:prSet presAssocID="{2BF23296-C9C9-0342-B040-03A0C69B1EA6}" presName="spacer" presStyleCnt="0"/>
      <dgm:spPr/>
    </dgm:pt>
    <dgm:pt modelId="{E2D79A33-BBB2-304E-BBFD-7B2830E19B56}" type="pres">
      <dgm:prSet presAssocID="{627AE543-611D-7A47-B5BD-66F8FF4DDABB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61A6C40C-E5F1-8C4D-9F4C-EE39F8AC6221}" type="presOf" srcId="{6A368AAB-45AB-514B-9627-F9ED4FCFCD70}" destId="{6DB20B1D-DD2D-324E-8C37-676F1B2B3264}" srcOrd="0" destOrd="0" presId="urn:microsoft.com/office/officeart/2005/8/layout/vList2"/>
    <dgm:cxn modelId="{1E628129-CCC8-A646-B17A-2B6DDF505425}" srcId="{32ACE933-484B-7A42-8B9B-449DAB2D278C}" destId="{6A368AAB-45AB-514B-9627-F9ED4FCFCD70}" srcOrd="0" destOrd="0" parTransId="{366F7CBE-7D89-8141-A99E-5F38C4F31995}" sibTransId="{0B7D4B5C-C434-2D42-BD6A-0107B8722538}"/>
    <dgm:cxn modelId="{7EAD9129-DDB4-E240-9346-0DBFF3A732BF}" srcId="{6A368AAB-45AB-514B-9627-F9ED4FCFCD70}" destId="{7BE8143B-A1AC-974A-9D96-054E7C8B7898}" srcOrd="0" destOrd="0" parTransId="{48C03A7E-FBD8-BB40-8245-BA4511A9FFE7}" sibTransId="{6E94E887-E147-B946-BFF4-AB627AEC9033}"/>
    <dgm:cxn modelId="{CB1B3A2E-92E9-9B45-8243-B38CA6E4FCF4}" type="presOf" srcId="{32ACE933-484B-7A42-8B9B-449DAB2D278C}" destId="{072D2678-5972-E941-807E-46FEB65DC5D5}" srcOrd="0" destOrd="0" presId="urn:microsoft.com/office/officeart/2005/8/layout/vList2"/>
    <dgm:cxn modelId="{82A43535-9379-1F4D-8E98-D6B7EF41E0AA}" type="presOf" srcId="{87A62144-B385-1740-945D-61F55D814FFC}" destId="{6B57F92F-839A-8948-A239-FD6DAC100364}" srcOrd="0" destOrd="2" presId="urn:microsoft.com/office/officeart/2005/8/layout/vList2"/>
    <dgm:cxn modelId="{D2574049-5E19-E942-B5E2-B54A08DDB936}" srcId="{6A368AAB-45AB-514B-9627-F9ED4FCFCD70}" destId="{87A62144-B385-1740-945D-61F55D814FFC}" srcOrd="2" destOrd="0" parTransId="{4E31423B-25FD-A84C-8197-C225567DE94D}" sibTransId="{FBB8E549-1AE3-4242-B6AA-C8D0EC711861}"/>
    <dgm:cxn modelId="{1F23EA50-6F87-774C-AF97-A51494E5F9A3}" srcId="{6A368AAB-45AB-514B-9627-F9ED4FCFCD70}" destId="{47237899-3F35-DC45-9F46-724F096035A7}" srcOrd="1" destOrd="0" parTransId="{1CD2A0B9-07A8-6048-AAC8-438204B71790}" sibTransId="{973244C3-C4DC-4544-B64F-3723ECBBB0E5}"/>
    <dgm:cxn modelId="{8D910A57-2CCF-D545-AA7F-94DDCF0F7431}" srcId="{32ACE933-484B-7A42-8B9B-449DAB2D278C}" destId="{627AE543-611D-7A47-B5BD-66F8FF4DDABB}" srcOrd="2" destOrd="0" parTransId="{51FBCF32-0534-F542-9AB9-B433E3D51CFC}" sibTransId="{8675F8DD-28E0-3E4C-B830-FBD584DD8E2D}"/>
    <dgm:cxn modelId="{95A0BD5E-BC32-F14E-A24A-2F422BC47EAD}" type="presOf" srcId="{7BE8143B-A1AC-974A-9D96-054E7C8B7898}" destId="{6B57F92F-839A-8948-A239-FD6DAC100364}" srcOrd="0" destOrd="0" presId="urn:microsoft.com/office/officeart/2005/8/layout/vList2"/>
    <dgm:cxn modelId="{E52C9B6D-C3E6-6B40-BADC-C9170C044101}" type="presOf" srcId="{EE31327B-2C8D-4B43-8703-27EF1A850531}" destId="{827927B4-AC20-6B4A-BE33-072C47E31D16}" srcOrd="0" destOrd="0" presId="urn:microsoft.com/office/officeart/2005/8/layout/vList2"/>
    <dgm:cxn modelId="{73A50AA4-BA9B-0248-A665-67D16FF3642F}" srcId="{32ACE933-484B-7A42-8B9B-449DAB2D278C}" destId="{EE31327B-2C8D-4B43-8703-27EF1A850531}" srcOrd="1" destOrd="0" parTransId="{95B43CA7-EFDE-5C4D-A7E4-106FA0B1FD77}" sibTransId="{2BF23296-C9C9-0342-B040-03A0C69B1EA6}"/>
    <dgm:cxn modelId="{EF9412A4-716C-2443-ABBB-AF074A133C5E}" type="presOf" srcId="{627AE543-611D-7A47-B5BD-66F8FF4DDABB}" destId="{E2D79A33-BBB2-304E-BBFD-7B2830E19B56}" srcOrd="0" destOrd="0" presId="urn:microsoft.com/office/officeart/2005/8/layout/vList2"/>
    <dgm:cxn modelId="{974F5BF0-6C80-0043-8751-31078B06E763}" type="presOf" srcId="{47237899-3F35-DC45-9F46-724F096035A7}" destId="{6B57F92F-839A-8948-A239-FD6DAC100364}" srcOrd="0" destOrd="1" presId="urn:microsoft.com/office/officeart/2005/8/layout/vList2"/>
    <dgm:cxn modelId="{75FCAFF6-BDE3-2D49-8B3E-660899A92AE9}" type="presParOf" srcId="{072D2678-5972-E941-807E-46FEB65DC5D5}" destId="{6DB20B1D-DD2D-324E-8C37-676F1B2B3264}" srcOrd="0" destOrd="0" presId="urn:microsoft.com/office/officeart/2005/8/layout/vList2"/>
    <dgm:cxn modelId="{A6A067E7-9A57-F846-BC62-43F9DD0DADE7}" type="presParOf" srcId="{072D2678-5972-E941-807E-46FEB65DC5D5}" destId="{6B57F92F-839A-8948-A239-FD6DAC100364}" srcOrd="1" destOrd="0" presId="urn:microsoft.com/office/officeart/2005/8/layout/vList2"/>
    <dgm:cxn modelId="{D7835F64-9E90-934C-8682-AEF7A02C4BD6}" type="presParOf" srcId="{072D2678-5972-E941-807E-46FEB65DC5D5}" destId="{827927B4-AC20-6B4A-BE33-072C47E31D16}" srcOrd="2" destOrd="0" presId="urn:microsoft.com/office/officeart/2005/8/layout/vList2"/>
    <dgm:cxn modelId="{0C3375E8-DB9B-CA48-9AB8-C5DC4601368E}" type="presParOf" srcId="{072D2678-5972-E941-807E-46FEB65DC5D5}" destId="{4C04A942-62B7-2443-BE54-569828D3456D}" srcOrd="3" destOrd="0" presId="urn:microsoft.com/office/officeart/2005/8/layout/vList2"/>
    <dgm:cxn modelId="{1F5563F7-590B-8144-9C2F-028CD7BAD94E}" type="presParOf" srcId="{072D2678-5972-E941-807E-46FEB65DC5D5}" destId="{E2D79A33-BBB2-304E-BBFD-7B2830E19B56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32ACE933-484B-7A42-8B9B-449DAB2D278C}" type="doc">
      <dgm:prSet loTypeId="urn:microsoft.com/office/officeart/2005/8/layout/vList2" loCatId="process" qsTypeId="urn:microsoft.com/office/officeart/2005/8/quickstyle/simple1" qsCatId="simple" csTypeId="urn:microsoft.com/office/officeart/2005/8/colors/accent1_4" csCatId="accent1" phldr="1"/>
      <dgm:spPr/>
      <dgm:t>
        <a:bodyPr/>
        <a:lstStyle/>
        <a:p>
          <a:endParaRPr lang="en-US"/>
        </a:p>
      </dgm:t>
    </dgm:pt>
    <dgm:pt modelId="{6A368AAB-45AB-514B-9627-F9ED4FCFCD70}">
      <dgm:prSet custT="1"/>
      <dgm:spPr/>
      <dgm:t>
        <a:bodyPr/>
        <a:lstStyle/>
        <a:p>
          <a:pPr algn="ctr"/>
          <a:r>
            <a:rPr lang="en-US" sz="2800" b="1" i="0" baseline="0" dirty="0"/>
            <a:t>New Certification Criteria</a:t>
          </a:r>
        </a:p>
      </dgm:t>
    </dgm:pt>
    <dgm:pt modelId="{366F7CBE-7D89-8141-A99E-5F38C4F31995}" type="parTrans" cxnId="{1E628129-CCC8-A646-B17A-2B6DDF505425}">
      <dgm:prSet/>
      <dgm:spPr/>
      <dgm:t>
        <a:bodyPr/>
        <a:lstStyle/>
        <a:p>
          <a:endParaRPr lang="en-US"/>
        </a:p>
      </dgm:t>
    </dgm:pt>
    <dgm:pt modelId="{0B7D4B5C-C434-2D42-BD6A-0107B8722538}" type="sibTrans" cxnId="{1E628129-CCC8-A646-B17A-2B6DDF505425}">
      <dgm:prSet/>
      <dgm:spPr/>
      <dgm:t>
        <a:bodyPr/>
        <a:lstStyle/>
        <a:p>
          <a:endParaRPr lang="en-US"/>
        </a:p>
      </dgm:t>
    </dgm:pt>
    <dgm:pt modelId="{69641833-3D71-4C49-879C-3FDED27613EE}">
      <dgm:prSet custT="1"/>
      <dgm:spPr/>
      <dgm:t>
        <a:bodyPr/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§ 170.315(b)(10) Electronic Health Information (EHI) Export*</a:t>
          </a:r>
          <a:endParaRPr lang="en-US" sz="1800" b="1" i="0" baseline="0" dirty="0">
            <a:solidFill>
              <a:schemeClr val="bg1">
                <a:lumMod val="65000"/>
              </a:schemeClr>
            </a:solidFill>
          </a:endParaRPr>
        </a:p>
      </dgm:t>
    </dgm:pt>
    <dgm:pt modelId="{E38C2564-2CC0-9049-A6F7-71B7EF962E86}" type="parTrans" cxnId="{82D9F748-2926-AE48-AFFD-919E9D63BEC2}">
      <dgm:prSet/>
      <dgm:spPr/>
      <dgm:t>
        <a:bodyPr/>
        <a:lstStyle/>
        <a:p>
          <a:endParaRPr lang="en-US"/>
        </a:p>
      </dgm:t>
    </dgm:pt>
    <dgm:pt modelId="{CBA9CD72-639F-0040-8F5C-6AA164B2A18E}" type="sibTrans" cxnId="{82D9F748-2926-AE48-AFFD-919E9D63BEC2}">
      <dgm:prSet/>
      <dgm:spPr/>
      <dgm:t>
        <a:bodyPr/>
        <a:lstStyle/>
        <a:p>
          <a:endParaRPr lang="en-US"/>
        </a:p>
      </dgm:t>
    </dgm:pt>
    <dgm:pt modelId="{8B4188AF-BE03-AF40-B17F-DC85C159B3F1}">
      <dgm:prSet custT="1"/>
      <dgm:spPr/>
      <dgm:t>
        <a:bodyPr/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550" b="0" i="0" kern="1200" dirty="0">
              <a:latin typeface="Arial" panose="020B0604020202020204"/>
              <a:ea typeface="+mn-ea"/>
              <a:cs typeface="+mn-cs"/>
            </a:rPr>
            <a:t>§ 170.315(g)(10) Standardized API for Patient and Population Services</a:t>
          </a:r>
          <a:endParaRPr lang="en-US" sz="1800" b="1" i="0" baseline="0" dirty="0"/>
        </a:p>
      </dgm:t>
    </dgm:pt>
    <dgm:pt modelId="{09EFC997-701F-8143-A165-B6CF85B9954F}" type="parTrans" cxnId="{66473381-0CBB-E24D-8F14-FC44412941DC}">
      <dgm:prSet/>
      <dgm:spPr/>
      <dgm:t>
        <a:bodyPr/>
        <a:lstStyle/>
        <a:p>
          <a:endParaRPr lang="en-US"/>
        </a:p>
      </dgm:t>
    </dgm:pt>
    <dgm:pt modelId="{133920B3-8979-4C43-B4EF-F1B8D58A23E4}" type="sibTrans" cxnId="{66473381-0CBB-E24D-8F14-FC44412941DC}">
      <dgm:prSet/>
      <dgm:spPr/>
      <dgm:t>
        <a:bodyPr/>
        <a:lstStyle/>
        <a:p>
          <a:endParaRPr lang="en-US"/>
        </a:p>
      </dgm:t>
    </dgm:pt>
    <dgm:pt modelId="{6E64A6FB-129F-7B49-807D-3F5F3C58DC77}">
      <dgm:prSet custT="1"/>
      <dgm:spPr/>
      <dgm:t>
        <a:bodyPr/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2800" b="1" i="0" kern="1200" baseline="0" dirty="0">
              <a:latin typeface="Arial" panose="020B0604020202020204"/>
              <a:ea typeface="+mn-ea"/>
              <a:cs typeface="+mn-cs"/>
            </a:rPr>
            <a:t>Revised Certification Criteria</a:t>
          </a:r>
        </a:p>
      </dgm:t>
    </dgm:pt>
    <dgm:pt modelId="{0865BE83-EA95-BD4F-BBF8-114D302BB133}" type="parTrans" cxnId="{AC4EB3A9-7174-7A4E-A6DB-BC46391B54E4}">
      <dgm:prSet/>
      <dgm:spPr/>
      <dgm:t>
        <a:bodyPr/>
        <a:lstStyle/>
        <a:p>
          <a:endParaRPr lang="en-US"/>
        </a:p>
      </dgm:t>
    </dgm:pt>
    <dgm:pt modelId="{CF2E4CF7-A90B-614E-BE98-FEA8E341B0BD}" type="sibTrans" cxnId="{AC4EB3A9-7174-7A4E-A6DB-BC46391B54E4}">
      <dgm:prSet/>
      <dgm:spPr/>
      <dgm:t>
        <a:bodyPr/>
        <a:lstStyle/>
        <a:p>
          <a:endParaRPr lang="en-US"/>
        </a:p>
      </dgm:t>
    </dgm:pt>
    <dgm:pt modelId="{E2D43598-14E0-2640-82B3-537BC967081A}">
      <dgm:prSet custT="1"/>
      <dgm:spPr/>
      <dgm:t>
        <a:bodyPr/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Two new privacy and security certification criteria*</a:t>
          </a:r>
          <a:endParaRPr lang="en-US" sz="1800" b="1" i="0" baseline="0" dirty="0">
            <a:solidFill>
              <a:schemeClr val="bg1">
                <a:lumMod val="65000"/>
              </a:schemeClr>
            </a:solidFill>
          </a:endParaRPr>
        </a:p>
      </dgm:t>
    </dgm:pt>
    <dgm:pt modelId="{63B4FA8F-81F8-3B47-B86B-0F0F46A7DAE8}" type="parTrans" cxnId="{7E367903-86A1-2B48-A4C3-AE9B5174F8B3}">
      <dgm:prSet/>
      <dgm:spPr/>
      <dgm:t>
        <a:bodyPr/>
        <a:lstStyle/>
        <a:p>
          <a:endParaRPr lang="en-US"/>
        </a:p>
      </dgm:t>
    </dgm:pt>
    <dgm:pt modelId="{24CD20D7-CBCD-5340-A969-7024EC0F125A}" type="sibTrans" cxnId="{7E367903-86A1-2B48-A4C3-AE9B5174F8B3}">
      <dgm:prSet/>
      <dgm:spPr/>
      <dgm:t>
        <a:bodyPr/>
        <a:lstStyle/>
        <a:p>
          <a:endParaRPr lang="en-US"/>
        </a:p>
      </dgm:t>
    </dgm:pt>
    <dgm:pt modelId="{FACF3839-D699-074F-8FDE-655C57BA4497}">
      <dgm:prSet custT="1"/>
      <dgm:spPr>
        <a:solidFill>
          <a:schemeClr val="bg1">
            <a:lumMod val="65000"/>
          </a:schemeClr>
        </a:solidFill>
      </dgm:spPr>
      <dgm:t>
        <a:bodyPr/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2800" b="1" i="0" kern="1200" baseline="0" dirty="0">
              <a:latin typeface="Arial" panose="020B0604020202020204"/>
              <a:ea typeface="+mn-ea"/>
              <a:cs typeface="+mn-cs"/>
            </a:rPr>
            <a:t>Removed and Time-Limited Certification Criteria*</a:t>
          </a:r>
        </a:p>
      </dgm:t>
    </dgm:pt>
    <dgm:pt modelId="{FE4C5B0E-6B0E-9D41-B881-202D7443BA4D}" type="parTrans" cxnId="{5D871907-BBFC-824F-BC9E-624470A6063C}">
      <dgm:prSet/>
      <dgm:spPr/>
      <dgm:t>
        <a:bodyPr/>
        <a:lstStyle/>
        <a:p>
          <a:endParaRPr lang="en-US"/>
        </a:p>
      </dgm:t>
    </dgm:pt>
    <dgm:pt modelId="{07EE2C45-E56F-8D4F-84E8-7EC76EAF116E}" type="sibTrans" cxnId="{5D871907-BBFC-824F-BC9E-624470A6063C}">
      <dgm:prSet/>
      <dgm:spPr/>
      <dgm:t>
        <a:bodyPr/>
        <a:lstStyle/>
        <a:p>
          <a:endParaRPr lang="en-US"/>
        </a:p>
      </dgm:t>
    </dgm:pt>
    <dgm:pt modelId="{0F2EB161-737D-6B4A-BE47-B570541BCC8A}">
      <dgm:prSet custT="1"/>
      <dgm:spPr/>
      <dgm:t>
        <a:bodyPr/>
        <a:lstStyle/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Standards Revision*</a:t>
          </a:r>
        </a:p>
      </dgm:t>
    </dgm:pt>
    <dgm:pt modelId="{AE943D17-F983-504E-8C6B-27B193BEE2C5}" type="parTrans" cxnId="{2E8DB08D-4134-6C4B-BE84-356430427CE5}">
      <dgm:prSet/>
      <dgm:spPr/>
      <dgm:t>
        <a:bodyPr/>
        <a:lstStyle/>
        <a:p>
          <a:endParaRPr lang="en-US"/>
        </a:p>
      </dgm:t>
    </dgm:pt>
    <dgm:pt modelId="{40E607D4-E537-674D-935D-1D642276A9C2}" type="sibTrans" cxnId="{2E8DB08D-4134-6C4B-BE84-356430427CE5}">
      <dgm:prSet/>
      <dgm:spPr/>
      <dgm:t>
        <a:bodyPr/>
        <a:lstStyle/>
        <a:p>
          <a:endParaRPr lang="en-US"/>
        </a:p>
      </dgm:t>
    </dgm:pt>
    <dgm:pt modelId="{5AC1DB07-7303-BC41-A029-5C7DAF1652C0}">
      <dgm:prSet custT="1"/>
      <dgm:spPr/>
      <dgm:t>
        <a:bodyPr/>
        <a:lstStyle/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550" b="0" i="0" kern="1200" dirty="0">
              <a:latin typeface="Arial" panose="020B0604020202020204"/>
              <a:ea typeface="+mn-ea"/>
              <a:cs typeface="+mn-cs"/>
            </a:rPr>
            <a:t>USCDI Updates</a:t>
          </a:r>
        </a:p>
      </dgm:t>
    </dgm:pt>
    <dgm:pt modelId="{7E9C1E0F-3A1A-FF46-905A-6C04844D6CB2}" type="parTrans" cxnId="{60EB7570-BAA6-2147-A479-2F18DA793C12}">
      <dgm:prSet/>
      <dgm:spPr/>
      <dgm:t>
        <a:bodyPr/>
        <a:lstStyle/>
        <a:p>
          <a:endParaRPr lang="en-US"/>
        </a:p>
      </dgm:t>
    </dgm:pt>
    <dgm:pt modelId="{B256DBB4-EF8F-FC41-9A6E-31104FBA63CD}" type="sibTrans" cxnId="{60EB7570-BAA6-2147-A479-2F18DA793C12}">
      <dgm:prSet/>
      <dgm:spPr/>
      <dgm:t>
        <a:bodyPr/>
        <a:lstStyle/>
        <a:p>
          <a:endParaRPr lang="en-US"/>
        </a:p>
      </dgm:t>
    </dgm:pt>
    <dgm:pt modelId="{7F249770-3827-494A-8E7C-383707706A39}" type="pres">
      <dgm:prSet presAssocID="{32ACE933-484B-7A42-8B9B-449DAB2D278C}" presName="linear" presStyleCnt="0">
        <dgm:presLayoutVars>
          <dgm:animLvl val="lvl"/>
          <dgm:resizeHandles val="exact"/>
        </dgm:presLayoutVars>
      </dgm:prSet>
      <dgm:spPr/>
    </dgm:pt>
    <dgm:pt modelId="{E4B3B412-19E3-FC42-A7A6-B4FA677013BC}" type="pres">
      <dgm:prSet presAssocID="{6A368AAB-45AB-514B-9627-F9ED4FCFCD70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9F549ACE-0C27-8849-835C-DCF04B89E4CB}" type="pres">
      <dgm:prSet presAssocID="{6A368AAB-45AB-514B-9627-F9ED4FCFCD70}" presName="childText" presStyleLbl="revTx" presStyleIdx="0" presStyleCnt="2">
        <dgm:presLayoutVars>
          <dgm:bulletEnabled val="1"/>
        </dgm:presLayoutVars>
      </dgm:prSet>
      <dgm:spPr/>
    </dgm:pt>
    <dgm:pt modelId="{2B30B1D7-3AE0-2D49-878F-E716BBA1174C}" type="pres">
      <dgm:prSet presAssocID="{6E64A6FB-129F-7B49-807D-3F5F3C58DC77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7ACE64EB-F172-9845-B3BB-6781078D2B12}" type="pres">
      <dgm:prSet presAssocID="{6E64A6FB-129F-7B49-807D-3F5F3C58DC77}" presName="childText" presStyleLbl="revTx" presStyleIdx="1" presStyleCnt="2">
        <dgm:presLayoutVars>
          <dgm:bulletEnabled val="1"/>
        </dgm:presLayoutVars>
      </dgm:prSet>
      <dgm:spPr/>
    </dgm:pt>
    <dgm:pt modelId="{FA3A658F-E0F4-4344-8A24-CB5D616C13C7}" type="pres">
      <dgm:prSet presAssocID="{FACF3839-D699-074F-8FDE-655C57BA4497}" presName="parentText" presStyleLbl="node1" presStyleIdx="2" presStyleCnt="3" custLinFactNeighborY="-34529">
        <dgm:presLayoutVars>
          <dgm:chMax val="0"/>
          <dgm:bulletEnabled val="1"/>
        </dgm:presLayoutVars>
      </dgm:prSet>
      <dgm:spPr/>
    </dgm:pt>
  </dgm:ptLst>
  <dgm:cxnLst>
    <dgm:cxn modelId="{7E367903-86A1-2B48-A4C3-AE9B5174F8B3}" srcId="{6A368AAB-45AB-514B-9627-F9ED4FCFCD70}" destId="{E2D43598-14E0-2640-82B3-537BC967081A}" srcOrd="2" destOrd="0" parTransId="{63B4FA8F-81F8-3B47-B86B-0F0F46A7DAE8}" sibTransId="{24CD20D7-CBCD-5340-A969-7024EC0F125A}"/>
    <dgm:cxn modelId="{5D871907-BBFC-824F-BC9E-624470A6063C}" srcId="{32ACE933-484B-7A42-8B9B-449DAB2D278C}" destId="{FACF3839-D699-074F-8FDE-655C57BA4497}" srcOrd="2" destOrd="0" parTransId="{FE4C5B0E-6B0E-9D41-B881-202D7443BA4D}" sibTransId="{07EE2C45-E56F-8D4F-84E8-7EC76EAF116E}"/>
    <dgm:cxn modelId="{16D2A210-6DBA-AA49-AC80-BA73C1F278E2}" type="presOf" srcId="{5AC1DB07-7303-BC41-A029-5C7DAF1652C0}" destId="{7ACE64EB-F172-9845-B3BB-6781078D2B12}" srcOrd="0" destOrd="1" presId="urn:microsoft.com/office/officeart/2005/8/layout/vList2"/>
    <dgm:cxn modelId="{1E628129-CCC8-A646-B17A-2B6DDF505425}" srcId="{32ACE933-484B-7A42-8B9B-449DAB2D278C}" destId="{6A368AAB-45AB-514B-9627-F9ED4FCFCD70}" srcOrd="0" destOrd="0" parTransId="{366F7CBE-7D89-8141-A99E-5F38C4F31995}" sibTransId="{0B7D4B5C-C434-2D42-BD6A-0107B8722538}"/>
    <dgm:cxn modelId="{B0D6C045-90A1-4B45-B59B-6F97CDB77559}" type="presOf" srcId="{32ACE933-484B-7A42-8B9B-449DAB2D278C}" destId="{7F249770-3827-494A-8E7C-383707706A39}" srcOrd="0" destOrd="0" presId="urn:microsoft.com/office/officeart/2005/8/layout/vList2"/>
    <dgm:cxn modelId="{82D9F748-2926-AE48-AFFD-919E9D63BEC2}" srcId="{6A368AAB-45AB-514B-9627-F9ED4FCFCD70}" destId="{69641833-3D71-4C49-879C-3FDED27613EE}" srcOrd="0" destOrd="0" parTransId="{E38C2564-2CC0-9049-A6F7-71B7EF962E86}" sibTransId="{CBA9CD72-639F-0040-8F5C-6AA164B2A18E}"/>
    <dgm:cxn modelId="{9F69C05F-40D1-0841-8BD4-8E146503109D}" type="presOf" srcId="{0F2EB161-737D-6B4A-BE47-B570541BCC8A}" destId="{7ACE64EB-F172-9845-B3BB-6781078D2B12}" srcOrd="0" destOrd="0" presId="urn:microsoft.com/office/officeart/2005/8/layout/vList2"/>
    <dgm:cxn modelId="{D5A8D662-6129-AB4B-BD1D-D01A3805DD62}" type="presOf" srcId="{6A368AAB-45AB-514B-9627-F9ED4FCFCD70}" destId="{E4B3B412-19E3-FC42-A7A6-B4FA677013BC}" srcOrd="0" destOrd="0" presId="urn:microsoft.com/office/officeart/2005/8/layout/vList2"/>
    <dgm:cxn modelId="{31CC1268-0611-9D40-8849-C12619E0196F}" type="presOf" srcId="{FACF3839-D699-074F-8FDE-655C57BA4497}" destId="{FA3A658F-E0F4-4344-8A24-CB5D616C13C7}" srcOrd="0" destOrd="0" presId="urn:microsoft.com/office/officeart/2005/8/layout/vList2"/>
    <dgm:cxn modelId="{6E00AA6F-9BD5-C941-9309-B8556D1A7CB9}" type="presOf" srcId="{69641833-3D71-4C49-879C-3FDED27613EE}" destId="{9F549ACE-0C27-8849-835C-DCF04B89E4CB}" srcOrd="0" destOrd="0" presId="urn:microsoft.com/office/officeart/2005/8/layout/vList2"/>
    <dgm:cxn modelId="{60EB7570-BAA6-2147-A479-2F18DA793C12}" srcId="{6E64A6FB-129F-7B49-807D-3F5F3C58DC77}" destId="{5AC1DB07-7303-BC41-A029-5C7DAF1652C0}" srcOrd="1" destOrd="0" parTransId="{7E9C1E0F-3A1A-FF46-905A-6C04844D6CB2}" sibTransId="{B256DBB4-EF8F-FC41-9A6E-31104FBA63CD}"/>
    <dgm:cxn modelId="{66473381-0CBB-E24D-8F14-FC44412941DC}" srcId="{6A368AAB-45AB-514B-9627-F9ED4FCFCD70}" destId="{8B4188AF-BE03-AF40-B17F-DC85C159B3F1}" srcOrd="1" destOrd="0" parTransId="{09EFC997-701F-8143-A165-B6CF85B9954F}" sibTransId="{133920B3-8979-4C43-B4EF-F1B8D58A23E4}"/>
    <dgm:cxn modelId="{D101968A-5279-FF45-8807-6B5D51019CCA}" type="presOf" srcId="{6E64A6FB-129F-7B49-807D-3F5F3C58DC77}" destId="{2B30B1D7-3AE0-2D49-878F-E716BBA1174C}" srcOrd="0" destOrd="0" presId="urn:microsoft.com/office/officeart/2005/8/layout/vList2"/>
    <dgm:cxn modelId="{2E8DB08D-4134-6C4B-BE84-356430427CE5}" srcId="{6E64A6FB-129F-7B49-807D-3F5F3C58DC77}" destId="{0F2EB161-737D-6B4A-BE47-B570541BCC8A}" srcOrd="0" destOrd="0" parTransId="{AE943D17-F983-504E-8C6B-27B193BEE2C5}" sibTransId="{40E607D4-E537-674D-935D-1D642276A9C2}"/>
    <dgm:cxn modelId="{6C9183A5-FEA4-D948-8389-9AA1E8FB4EC1}" type="presOf" srcId="{8B4188AF-BE03-AF40-B17F-DC85C159B3F1}" destId="{9F549ACE-0C27-8849-835C-DCF04B89E4CB}" srcOrd="0" destOrd="1" presId="urn:microsoft.com/office/officeart/2005/8/layout/vList2"/>
    <dgm:cxn modelId="{AC4EB3A9-7174-7A4E-A6DB-BC46391B54E4}" srcId="{32ACE933-484B-7A42-8B9B-449DAB2D278C}" destId="{6E64A6FB-129F-7B49-807D-3F5F3C58DC77}" srcOrd="1" destOrd="0" parTransId="{0865BE83-EA95-BD4F-BBF8-114D302BB133}" sibTransId="{CF2E4CF7-A90B-614E-BE98-FEA8E341B0BD}"/>
    <dgm:cxn modelId="{AF5793E4-8EE4-8C44-A995-5954C46C96E7}" type="presOf" srcId="{E2D43598-14E0-2640-82B3-537BC967081A}" destId="{9F549ACE-0C27-8849-835C-DCF04B89E4CB}" srcOrd="0" destOrd="2" presId="urn:microsoft.com/office/officeart/2005/8/layout/vList2"/>
    <dgm:cxn modelId="{6ECE0876-941A-2048-AFEA-534B125A3D3D}" type="presParOf" srcId="{7F249770-3827-494A-8E7C-383707706A39}" destId="{E4B3B412-19E3-FC42-A7A6-B4FA677013BC}" srcOrd="0" destOrd="0" presId="urn:microsoft.com/office/officeart/2005/8/layout/vList2"/>
    <dgm:cxn modelId="{6D2C6CA6-6C4F-0C41-91F5-7D3B7BB72285}" type="presParOf" srcId="{7F249770-3827-494A-8E7C-383707706A39}" destId="{9F549ACE-0C27-8849-835C-DCF04B89E4CB}" srcOrd="1" destOrd="0" presId="urn:microsoft.com/office/officeart/2005/8/layout/vList2"/>
    <dgm:cxn modelId="{424EEDBC-F0A7-7A48-B040-543271FEFBAF}" type="presParOf" srcId="{7F249770-3827-494A-8E7C-383707706A39}" destId="{2B30B1D7-3AE0-2D49-878F-E716BBA1174C}" srcOrd="2" destOrd="0" presId="urn:microsoft.com/office/officeart/2005/8/layout/vList2"/>
    <dgm:cxn modelId="{A47FE321-3205-074B-9043-7BFC000D255F}" type="presParOf" srcId="{7F249770-3827-494A-8E7C-383707706A39}" destId="{7ACE64EB-F172-9845-B3BB-6781078D2B12}" srcOrd="3" destOrd="0" presId="urn:microsoft.com/office/officeart/2005/8/layout/vList2"/>
    <dgm:cxn modelId="{A067ADE0-9EA0-6247-B9F1-BD2D9A6471D5}" type="presParOf" srcId="{7F249770-3827-494A-8E7C-383707706A39}" destId="{FA3A658F-E0F4-4344-8A24-CB5D616C13C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32ACE933-484B-7A42-8B9B-449DAB2D278C}" type="doc">
      <dgm:prSet loTypeId="urn:microsoft.com/office/officeart/2005/8/layout/vList2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368AAB-45AB-514B-9627-F9ED4FCFCD70}">
      <dgm:prSet custT="1"/>
      <dgm:spPr/>
      <dgm:t>
        <a:bodyPr/>
        <a:lstStyle/>
        <a:p>
          <a:pPr algn="ctr"/>
          <a:r>
            <a:rPr lang="en-US" sz="2400" b="1" dirty="0"/>
            <a:t>Patient’s Ease of Access to Their Chart</a:t>
          </a:r>
        </a:p>
      </dgm:t>
    </dgm:pt>
    <dgm:pt modelId="{366F7CBE-7D89-8141-A99E-5F38C4F31995}" type="parTrans" cxnId="{1E628129-CCC8-A646-B17A-2B6DDF505425}">
      <dgm:prSet/>
      <dgm:spPr/>
      <dgm:t>
        <a:bodyPr/>
        <a:lstStyle/>
        <a:p>
          <a:endParaRPr lang="en-US"/>
        </a:p>
      </dgm:t>
    </dgm:pt>
    <dgm:pt modelId="{0B7D4B5C-C434-2D42-BD6A-0107B8722538}" type="sibTrans" cxnId="{1E628129-CCC8-A646-B17A-2B6DDF505425}">
      <dgm:prSet/>
      <dgm:spPr/>
      <dgm:t>
        <a:bodyPr/>
        <a:lstStyle/>
        <a:p>
          <a:endParaRPr lang="en-US"/>
        </a:p>
      </dgm:t>
    </dgm:pt>
    <dgm:pt modelId="{F9F24F12-EE21-5B44-9F30-25463211A722}">
      <dgm:prSet custT="1"/>
      <dgm:spPr/>
      <dgm:t>
        <a:bodyPr/>
        <a:lstStyle/>
        <a:p>
          <a:pPr algn="l"/>
          <a:r>
            <a:rPr lang="en-US" sz="1800" b="1" i="0" baseline="0" dirty="0"/>
            <a:t>Smartphones</a:t>
          </a:r>
        </a:p>
      </dgm:t>
    </dgm:pt>
    <dgm:pt modelId="{384348AA-517C-484B-AA5A-BBD93BD9AE16}" type="parTrans" cxnId="{45987611-28DA-E648-98BC-57AC2C309277}">
      <dgm:prSet/>
      <dgm:spPr/>
      <dgm:t>
        <a:bodyPr/>
        <a:lstStyle/>
        <a:p>
          <a:endParaRPr lang="en-US"/>
        </a:p>
      </dgm:t>
    </dgm:pt>
    <dgm:pt modelId="{4D8396D7-1B05-A64E-BFB2-61132A8BEE8D}" type="sibTrans" cxnId="{45987611-28DA-E648-98BC-57AC2C309277}">
      <dgm:prSet/>
      <dgm:spPr/>
      <dgm:t>
        <a:bodyPr/>
        <a:lstStyle/>
        <a:p>
          <a:endParaRPr lang="en-US"/>
        </a:p>
      </dgm:t>
    </dgm:pt>
    <dgm:pt modelId="{73623DCF-F28C-8145-B4EF-4585B3AC0FB6}">
      <dgm:prSet custT="1"/>
      <dgm:spPr>
        <a:solidFill>
          <a:schemeClr val="bg1">
            <a:lumMod val="65000"/>
          </a:schemeClr>
        </a:solidFill>
      </dgm:spPr>
      <dgm:t>
        <a:bodyPr/>
        <a:lstStyle/>
        <a:p>
          <a:pPr algn="ctr"/>
          <a:r>
            <a:rPr lang="en-US" sz="2400" b="1" i="0" baseline="0" dirty="0">
              <a:solidFill>
                <a:schemeClr val="bg1"/>
              </a:solidFill>
            </a:rPr>
            <a:t>Protecting Patient Privacy and Security*</a:t>
          </a:r>
        </a:p>
      </dgm:t>
    </dgm:pt>
    <dgm:pt modelId="{8A6FCC10-87D8-6C4F-AAEB-DB9BA0B3AD4D}" type="parTrans" cxnId="{684E7FEE-8EFC-654E-9771-B990053ADAF0}">
      <dgm:prSet/>
      <dgm:spPr/>
      <dgm:t>
        <a:bodyPr/>
        <a:lstStyle/>
        <a:p>
          <a:endParaRPr lang="en-US"/>
        </a:p>
      </dgm:t>
    </dgm:pt>
    <dgm:pt modelId="{94289862-EE5E-854C-9C46-9DBBB3D5FEBB}" type="sibTrans" cxnId="{684E7FEE-8EFC-654E-9771-B990053ADAF0}">
      <dgm:prSet/>
      <dgm:spPr/>
      <dgm:t>
        <a:bodyPr/>
        <a:lstStyle/>
        <a:p>
          <a:endParaRPr lang="en-US"/>
        </a:p>
      </dgm:t>
    </dgm:pt>
    <dgm:pt modelId="{FC43CE70-5DED-CC4B-90AB-696FE80EFE89}">
      <dgm:prSet custT="1"/>
      <dgm:spPr>
        <a:solidFill>
          <a:schemeClr val="bg1">
            <a:lumMod val="65000"/>
          </a:schemeClr>
        </a:solidFill>
      </dgm:spPr>
      <dgm:t>
        <a:bodyPr/>
        <a:lstStyle/>
        <a:p>
          <a:pPr algn="ctr"/>
          <a:r>
            <a:rPr lang="en-US" sz="2400" b="1" i="0" baseline="0" dirty="0">
              <a:solidFill>
                <a:schemeClr val="bg1"/>
              </a:solidFill>
            </a:rPr>
            <a:t>Providing the Ability to Shop for Care and Manage Costs*</a:t>
          </a:r>
        </a:p>
      </dgm:t>
    </dgm:pt>
    <dgm:pt modelId="{E3E84C37-AAC2-A842-8503-06902D91C827}" type="parTrans" cxnId="{7ADD58D5-9E16-5A4A-A048-B390D5BC5D86}">
      <dgm:prSet/>
      <dgm:spPr/>
      <dgm:t>
        <a:bodyPr/>
        <a:lstStyle/>
        <a:p>
          <a:endParaRPr lang="en-US"/>
        </a:p>
      </dgm:t>
    </dgm:pt>
    <dgm:pt modelId="{A80551C9-0CEE-D046-A3D9-4BDEB9F16EBE}" type="sibTrans" cxnId="{7ADD58D5-9E16-5A4A-A048-B390D5BC5D86}">
      <dgm:prSet/>
      <dgm:spPr/>
      <dgm:t>
        <a:bodyPr/>
        <a:lstStyle/>
        <a:p>
          <a:endParaRPr lang="en-US"/>
        </a:p>
      </dgm:t>
    </dgm:pt>
    <dgm:pt modelId="{D4FEA636-BDDC-754B-B591-6B603DB1E13A}">
      <dgm:prSet custT="1"/>
      <dgm:spPr/>
      <dgm:t>
        <a:bodyPr/>
        <a:lstStyle/>
        <a:p>
          <a:pPr algn="l"/>
          <a:r>
            <a:rPr lang="en-US" sz="1800" b="1" i="0" baseline="0" dirty="0"/>
            <a:t>Modern Software Apps</a:t>
          </a:r>
        </a:p>
      </dgm:t>
    </dgm:pt>
    <dgm:pt modelId="{864C8223-F51A-584A-992C-C59B2EC461C6}" type="parTrans" cxnId="{E905C37D-203A-8641-8598-C2B695CEA5A7}">
      <dgm:prSet/>
      <dgm:spPr/>
      <dgm:t>
        <a:bodyPr/>
        <a:lstStyle/>
        <a:p>
          <a:endParaRPr lang="en-US"/>
        </a:p>
      </dgm:t>
    </dgm:pt>
    <dgm:pt modelId="{80EDCA1E-D66E-7F43-BE5F-7EB429BABF7C}" type="sibTrans" cxnId="{E905C37D-203A-8641-8598-C2B695CEA5A7}">
      <dgm:prSet/>
      <dgm:spPr/>
      <dgm:t>
        <a:bodyPr/>
        <a:lstStyle/>
        <a:p>
          <a:endParaRPr lang="en-US"/>
        </a:p>
      </dgm:t>
    </dgm:pt>
    <dgm:pt modelId="{072D2678-5972-E941-807E-46FEB65DC5D5}" type="pres">
      <dgm:prSet presAssocID="{32ACE933-484B-7A42-8B9B-449DAB2D278C}" presName="linear" presStyleCnt="0">
        <dgm:presLayoutVars>
          <dgm:animLvl val="lvl"/>
          <dgm:resizeHandles val="exact"/>
        </dgm:presLayoutVars>
      </dgm:prSet>
      <dgm:spPr/>
    </dgm:pt>
    <dgm:pt modelId="{6DB20B1D-DD2D-324E-8C37-676F1B2B3264}" type="pres">
      <dgm:prSet presAssocID="{6A368AAB-45AB-514B-9627-F9ED4FCFCD70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EE2FEB80-CCEA-9A47-84CA-F5AD2408B9E9}" type="pres">
      <dgm:prSet presAssocID="{6A368AAB-45AB-514B-9627-F9ED4FCFCD70}" presName="childText" presStyleLbl="revTx" presStyleIdx="0" presStyleCnt="1">
        <dgm:presLayoutVars>
          <dgm:bulletEnabled val="1"/>
        </dgm:presLayoutVars>
      </dgm:prSet>
      <dgm:spPr/>
    </dgm:pt>
    <dgm:pt modelId="{95872AE2-F45A-A647-A099-3340505C386C}" type="pres">
      <dgm:prSet presAssocID="{73623DCF-F28C-8145-B4EF-4585B3AC0FB6}" presName="parentText" presStyleLbl="node1" presStyleIdx="1" presStyleCnt="3" custLinFactY="-18201" custLinFactNeighborY="-100000">
        <dgm:presLayoutVars>
          <dgm:chMax val="0"/>
          <dgm:bulletEnabled val="1"/>
        </dgm:presLayoutVars>
      </dgm:prSet>
      <dgm:spPr/>
    </dgm:pt>
    <dgm:pt modelId="{4C330BEE-B424-D646-A080-11B8C0F7A247}" type="pres">
      <dgm:prSet presAssocID="{94289862-EE5E-854C-9C46-9DBBB3D5FEBB}" presName="spacer" presStyleCnt="0"/>
      <dgm:spPr/>
    </dgm:pt>
    <dgm:pt modelId="{A17243E4-4979-E542-AAC2-40961AD409EC}" type="pres">
      <dgm:prSet presAssocID="{FC43CE70-5DED-CC4B-90AB-696FE80EFE89}" presName="parentText" presStyleLbl="node1" presStyleIdx="2" presStyleCnt="3" custLinFactY="-18343" custLinFactNeighborY="-100000">
        <dgm:presLayoutVars>
          <dgm:chMax val="0"/>
          <dgm:bulletEnabled val="1"/>
        </dgm:presLayoutVars>
      </dgm:prSet>
      <dgm:spPr/>
    </dgm:pt>
  </dgm:ptLst>
  <dgm:cxnLst>
    <dgm:cxn modelId="{45987611-28DA-E648-98BC-57AC2C309277}" srcId="{6A368AAB-45AB-514B-9627-F9ED4FCFCD70}" destId="{F9F24F12-EE21-5B44-9F30-25463211A722}" srcOrd="0" destOrd="0" parTransId="{384348AA-517C-484B-AA5A-BBD93BD9AE16}" sibTransId="{4D8396D7-1B05-A64E-BFB2-61132A8BEE8D}"/>
    <dgm:cxn modelId="{C4777B19-7A8C-4A40-B9E0-C22BD357185D}" type="presOf" srcId="{D4FEA636-BDDC-754B-B591-6B603DB1E13A}" destId="{EE2FEB80-CCEA-9A47-84CA-F5AD2408B9E9}" srcOrd="0" destOrd="1" presId="urn:microsoft.com/office/officeart/2005/8/layout/vList2"/>
    <dgm:cxn modelId="{0F5A1F1C-FFAB-094D-91D0-7575B987B513}" type="presOf" srcId="{73623DCF-F28C-8145-B4EF-4585B3AC0FB6}" destId="{95872AE2-F45A-A647-A099-3340505C386C}" srcOrd="0" destOrd="0" presId="urn:microsoft.com/office/officeart/2005/8/layout/vList2"/>
    <dgm:cxn modelId="{1E628129-CCC8-A646-B17A-2B6DDF505425}" srcId="{32ACE933-484B-7A42-8B9B-449DAB2D278C}" destId="{6A368AAB-45AB-514B-9627-F9ED4FCFCD70}" srcOrd="0" destOrd="0" parTransId="{366F7CBE-7D89-8141-A99E-5F38C4F31995}" sibTransId="{0B7D4B5C-C434-2D42-BD6A-0107B8722538}"/>
    <dgm:cxn modelId="{CB1B3A2E-92E9-9B45-8243-B38CA6E4FCF4}" type="presOf" srcId="{32ACE933-484B-7A42-8B9B-449DAB2D278C}" destId="{072D2678-5972-E941-807E-46FEB65DC5D5}" srcOrd="0" destOrd="0" presId="urn:microsoft.com/office/officeart/2005/8/layout/vList2"/>
    <dgm:cxn modelId="{3A6C1F4A-66D1-794F-B7BF-244D4CC0374A}" type="presOf" srcId="{6A368AAB-45AB-514B-9627-F9ED4FCFCD70}" destId="{6DB20B1D-DD2D-324E-8C37-676F1B2B3264}" srcOrd="0" destOrd="0" presId="urn:microsoft.com/office/officeart/2005/8/layout/vList2"/>
    <dgm:cxn modelId="{4F043261-33ED-AA41-BF11-47DF0B96A292}" type="presOf" srcId="{F9F24F12-EE21-5B44-9F30-25463211A722}" destId="{EE2FEB80-CCEA-9A47-84CA-F5AD2408B9E9}" srcOrd="0" destOrd="0" presId="urn:microsoft.com/office/officeart/2005/8/layout/vList2"/>
    <dgm:cxn modelId="{97D35F6E-F7B7-F941-BA91-C904B2E44073}" type="presOf" srcId="{FC43CE70-5DED-CC4B-90AB-696FE80EFE89}" destId="{A17243E4-4979-E542-AAC2-40961AD409EC}" srcOrd="0" destOrd="0" presId="urn:microsoft.com/office/officeart/2005/8/layout/vList2"/>
    <dgm:cxn modelId="{E905C37D-203A-8641-8598-C2B695CEA5A7}" srcId="{6A368AAB-45AB-514B-9627-F9ED4FCFCD70}" destId="{D4FEA636-BDDC-754B-B591-6B603DB1E13A}" srcOrd="1" destOrd="0" parTransId="{864C8223-F51A-584A-992C-C59B2EC461C6}" sibTransId="{80EDCA1E-D66E-7F43-BE5F-7EB429BABF7C}"/>
    <dgm:cxn modelId="{7ADD58D5-9E16-5A4A-A048-B390D5BC5D86}" srcId="{32ACE933-484B-7A42-8B9B-449DAB2D278C}" destId="{FC43CE70-5DED-CC4B-90AB-696FE80EFE89}" srcOrd="2" destOrd="0" parTransId="{E3E84C37-AAC2-A842-8503-06902D91C827}" sibTransId="{A80551C9-0CEE-D046-A3D9-4BDEB9F16EBE}"/>
    <dgm:cxn modelId="{684E7FEE-8EFC-654E-9771-B990053ADAF0}" srcId="{32ACE933-484B-7A42-8B9B-449DAB2D278C}" destId="{73623DCF-F28C-8145-B4EF-4585B3AC0FB6}" srcOrd="1" destOrd="0" parTransId="{8A6FCC10-87D8-6C4F-AAEB-DB9BA0B3AD4D}" sibTransId="{94289862-EE5E-854C-9C46-9DBBB3D5FEBB}"/>
    <dgm:cxn modelId="{A857B6FB-B17A-7240-97E5-60EB7796CF3B}" type="presParOf" srcId="{072D2678-5972-E941-807E-46FEB65DC5D5}" destId="{6DB20B1D-DD2D-324E-8C37-676F1B2B3264}" srcOrd="0" destOrd="0" presId="urn:microsoft.com/office/officeart/2005/8/layout/vList2"/>
    <dgm:cxn modelId="{33CB6DF6-0637-D942-9D86-81E85E87BD52}" type="presParOf" srcId="{072D2678-5972-E941-807E-46FEB65DC5D5}" destId="{EE2FEB80-CCEA-9A47-84CA-F5AD2408B9E9}" srcOrd="1" destOrd="0" presId="urn:microsoft.com/office/officeart/2005/8/layout/vList2"/>
    <dgm:cxn modelId="{E42431F3-DDB5-5E40-AC21-5DEE610605C2}" type="presParOf" srcId="{072D2678-5972-E941-807E-46FEB65DC5D5}" destId="{95872AE2-F45A-A647-A099-3340505C386C}" srcOrd="2" destOrd="0" presId="urn:microsoft.com/office/officeart/2005/8/layout/vList2"/>
    <dgm:cxn modelId="{34A4D95D-53FC-FC47-A26A-AABE88BB239B}" type="presParOf" srcId="{072D2678-5972-E941-807E-46FEB65DC5D5}" destId="{4C330BEE-B424-D646-A080-11B8C0F7A247}" srcOrd="3" destOrd="0" presId="urn:microsoft.com/office/officeart/2005/8/layout/vList2"/>
    <dgm:cxn modelId="{B5B0096A-AB83-4D41-9CA1-CE42B95B9574}" type="presParOf" srcId="{072D2678-5972-E941-807E-46FEB65DC5D5}" destId="{A17243E4-4979-E542-AAC2-40961AD409EC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9FADDBFA-7840-874A-BD6C-C00F6EFDDA6D}" type="doc">
      <dgm:prSet loTypeId="urn:microsoft.com/office/officeart/2005/8/layout/pyramid2" loCatId="" qsTypeId="urn:microsoft.com/office/officeart/2005/8/quickstyle/simple5" qsCatId="simple" csTypeId="urn:microsoft.com/office/officeart/2005/8/colors/colorful2" csCatId="colorful" phldr="1"/>
      <dgm:spPr/>
    </dgm:pt>
    <dgm:pt modelId="{E77C2F5B-0DD5-224E-AA22-9679687AAF13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5B8EB698-7EBA-D74A-A98C-D0F9B3E547F9}" type="parTrans" cxnId="{7D1E9DA8-8077-8C45-8B83-55C24002BC27}">
      <dgm:prSet/>
      <dgm:spPr/>
      <dgm:t>
        <a:bodyPr/>
        <a:lstStyle/>
        <a:p>
          <a:endParaRPr lang="en-US"/>
        </a:p>
      </dgm:t>
    </dgm:pt>
    <dgm:pt modelId="{CB94F9A4-C408-524B-8F99-D55A9D20659E}" type="sibTrans" cxnId="{7D1E9DA8-8077-8C45-8B83-55C24002BC27}">
      <dgm:prSet/>
      <dgm:spPr/>
      <dgm:t>
        <a:bodyPr/>
        <a:lstStyle/>
        <a:p>
          <a:endParaRPr lang="en-US"/>
        </a:p>
      </dgm:t>
    </dgm:pt>
    <dgm:pt modelId="{FC4C7486-BB76-344A-89C5-19EBFFCCAC56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36246505-AF86-9849-BBB4-2567611FBF3E}" type="parTrans" cxnId="{FFC0D3BC-DCDD-7940-AA17-B194D46EF850}">
      <dgm:prSet/>
      <dgm:spPr/>
      <dgm:t>
        <a:bodyPr/>
        <a:lstStyle/>
        <a:p>
          <a:endParaRPr lang="en-US"/>
        </a:p>
      </dgm:t>
    </dgm:pt>
    <dgm:pt modelId="{ADB45348-E98C-FE44-BBCF-F86DBA51B23F}" type="sibTrans" cxnId="{FFC0D3BC-DCDD-7940-AA17-B194D46EF850}">
      <dgm:prSet/>
      <dgm:spPr/>
      <dgm:t>
        <a:bodyPr/>
        <a:lstStyle/>
        <a:p>
          <a:endParaRPr lang="en-US"/>
        </a:p>
      </dgm:t>
    </dgm:pt>
    <dgm:pt modelId="{94639624-05BD-3441-86B1-C775B7DF5C66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3E7BF35B-B0A5-494C-B212-B874443B3251}" type="parTrans" cxnId="{C534FFC2-5FB2-554B-9578-59B4793704FD}">
      <dgm:prSet/>
      <dgm:spPr/>
      <dgm:t>
        <a:bodyPr/>
        <a:lstStyle/>
        <a:p>
          <a:endParaRPr lang="en-US"/>
        </a:p>
      </dgm:t>
    </dgm:pt>
    <dgm:pt modelId="{20CEDC0D-502B-4A42-92FB-E1206442DDFA}" type="sibTrans" cxnId="{C534FFC2-5FB2-554B-9578-59B4793704FD}">
      <dgm:prSet/>
      <dgm:spPr/>
      <dgm:t>
        <a:bodyPr/>
        <a:lstStyle/>
        <a:p>
          <a:endParaRPr lang="en-US"/>
        </a:p>
      </dgm:t>
    </dgm:pt>
    <dgm:pt modelId="{C0B6503C-A0E4-8E43-9630-88F9ACD4836F}" type="pres">
      <dgm:prSet presAssocID="{9FADDBFA-7840-874A-BD6C-C00F6EFDDA6D}" presName="compositeShape" presStyleCnt="0">
        <dgm:presLayoutVars>
          <dgm:dir/>
          <dgm:resizeHandles/>
        </dgm:presLayoutVars>
      </dgm:prSet>
      <dgm:spPr/>
    </dgm:pt>
    <dgm:pt modelId="{59279B65-71B8-3A48-B7A6-D560FB5B60F2}" type="pres">
      <dgm:prSet presAssocID="{9FADDBFA-7840-874A-BD6C-C00F6EFDDA6D}" presName="pyramid" presStyleLbl="node1" presStyleIdx="0" presStyleCnt="1"/>
      <dgm:spPr/>
    </dgm:pt>
    <dgm:pt modelId="{EBF571BC-35AC-B748-941B-58390924A79E}" type="pres">
      <dgm:prSet presAssocID="{9FADDBFA-7840-874A-BD6C-C00F6EFDDA6D}" presName="theList" presStyleCnt="0"/>
      <dgm:spPr/>
    </dgm:pt>
    <dgm:pt modelId="{06431D58-8C28-9B4B-BD52-9E63D064773C}" type="pres">
      <dgm:prSet presAssocID="{E77C2F5B-0DD5-224E-AA22-9679687AAF13}" presName="aNode" presStyleLbl="fgAcc1" presStyleIdx="0" presStyleCnt="3">
        <dgm:presLayoutVars>
          <dgm:bulletEnabled val="1"/>
        </dgm:presLayoutVars>
      </dgm:prSet>
      <dgm:spPr/>
    </dgm:pt>
    <dgm:pt modelId="{84DB89F9-BFD7-1049-9E3C-5144A05C0167}" type="pres">
      <dgm:prSet presAssocID="{E77C2F5B-0DD5-224E-AA22-9679687AAF13}" presName="aSpace" presStyleCnt="0"/>
      <dgm:spPr/>
    </dgm:pt>
    <dgm:pt modelId="{861E1A96-33B5-B347-B1E3-C2D237DDA37A}" type="pres">
      <dgm:prSet presAssocID="{FC4C7486-BB76-344A-89C5-19EBFFCCAC56}" presName="aNode" presStyleLbl="fgAcc1" presStyleIdx="1" presStyleCnt="3">
        <dgm:presLayoutVars>
          <dgm:bulletEnabled val="1"/>
        </dgm:presLayoutVars>
      </dgm:prSet>
      <dgm:spPr/>
    </dgm:pt>
    <dgm:pt modelId="{7EE5D797-CC24-4848-8308-3C20426E2307}" type="pres">
      <dgm:prSet presAssocID="{FC4C7486-BB76-344A-89C5-19EBFFCCAC56}" presName="aSpace" presStyleCnt="0"/>
      <dgm:spPr/>
    </dgm:pt>
    <dgm:pt modelId="{B4980517-9F2B-B249-846E-6E3B6FC69504}" type="pres">
      <dgm:prSet presAssocID="{94639624-05BD-3441-86B1-C775B7DF5C66}" presName="aNode" presStyleLbl="fgAcc1" presStyleIdx="2" presStyleCnt="3">
        <dgm:presLayoutVars>
          <dgm:bulletEnabled val="1"/>
        </dgm:presLayoutVars>
      </dgm:prSet>
      <dgm:spPr/>
    </dgm:pt>
    <dgm:pt modelId="{2FDCE7AB-3F7B-674C-AD64-F255E8327ACE}" type="pres">
      <dgm:prSet presAssocID="{94639624-05BD-3441-86B1-C775B7DF5C66}" presName="aSpace" presStyleCnt="0"/>
      <dgm:spPr/>
    </dgm:pt>
  </dgm:ptLst>
  <dgm:cxnLst>
    <dgm:cxn modelId="{A1965361-3438-0742-961C-56E1636B24C2}" type="presOf" srcId="{E77C2F5B-0DD5-224E-AA22-9679687AAF13}" destId="{06431D58-8C28-9B4B-BD52-9E63D064773C}" srcOrd="0" destOrd="0" presId="urn:microsoft.com/office/officeart/2005/8/layout/pyramid2"/>
    <dgm:cxn modelId="{8D12266C-D6B4-7D40-8C58-A624FBD89F06}" type="presOf" srcId="{FC4C7486-BB76-344A-89C5-19EBFFCCAC56}" destId="{861E1A96-33B5-B347-B1E3-C2D237DDA37A}" srcOrd="0" destOrd="0" presId="urn:microsoft.com/office/officeart/2005/8/layout/pyramid2"/>
    <dgm:cxn modelId="{4125FB8A-97F1-4444-8F40-74BF841CBD51}" type="presOf" srcId="{94639624-05BD-3441-86B1-C775B7DF5C66}" destId="{B4980517-9F2B-B249-846E-6E3B6FC69504}" srcOrd="0" destOrd="0" presId="urn:microsoft.com/office/officeart/2005/8/layout/pyramid2"/>
    <dgm:cxn modelId="{7D1E9DA8-8077-8C45-8B83-55C24002BC27}" srcId="{9FADDBFA-7840-874A-BD6C-C00F6EFDDA6D}" destId="{E77C2F5B-0DD5-224E-AA22-9679687AAF13}" srcOrd="0" destOrd="0" parTransId="{5B8EB698-7EBA-D74A-A98C-D0F9B3E547F9}" sibTransId="{CB94F9A4-C408-524B-8F99-D55A9D20659E}"/>
    <dgm:cxn modelId="{FFC0D3BC-DCDD-7940-AA17-B194D46EF850}" srcId="{9FADDBFA-7840-874A-BD6C-C00F6EFDDA6D}" destId="{FC4C7486-BB76-344A-89C5-19EBFFCCAC56}" srcOrd="1" destOrd="0" parTransId="{36246505-AF86-9849-BBB4-2567611FBF3E}" sibTransId="{ADB45348-E98C-FE44-BBCF-F86DBA51B23F}"/>
    <dgm:cxn modelId="{C534FFC2-5FB2-554B-9578-59B4793704FD}" srcId="{9FADDBFA-7840-874A-BD6C-C00F6EFDDA6D}" destId="{94639624-05BD-3441-86B1-C775B7DF5C66}" srcOrd="2" destOrd="0" parTransId="{3E7BF35B-B0A5-494C-B212-B874443B3251}" sibTransId="{20CEDC0D-502B-4A42-92FB-E1206442DDFA}"/>
    <dgm:cxn modelId="{B9A36FFF-FAFC-314A-86A9-B4D3186D0639}" type="presOf" srcId="{9FADDBFA-7840-874A-BD6C-C00F6EFDDA6D}" destId="{C0B6503C-A0E4-8E43-9630-88F9ACD4836F}" srcOrd="0" destOrd="0" presId="urn:microsoft.com/office/officeart/2005/8/layout/pyramid2"/>
    <dgm:cxn modelId="{65395268-989B-C942-8B0E-814A7DC7D10C}" type="presParOf" srcId="{C0B6503C-A0E4-8E43-9630-88F9ACD4836F}" destId="{59279B65-71B8-3A48-B7A6-D560FB5B60F2}" srcOrd="0" destOrd="0" presId="urn:microsoft.com/office/officeart/2005/8/layout/pyramid2"/>
    <dgm:cxn modelId="{0EB4B024-DC72-4B47-90A4-919DF02A3FE1}" type="presParOf" srcId="{C0B6503C-A0E4-8E43-9630-88F9ACD4836F}" destId="{EBF571BC-35AC-B748-941B-58390924A79E}" srcOrd="1" destOrd="0" presId="urn:microsoft.com/office/officeart/2005/8/layout/pyramid2"/>
    <dgm:cxn modelId="{7049549F-FF35-0E4D-AE4B-F4D429FE23C7}" type="presParOf" srcId="{EBF571BC-35AC-B748-941B-58390924A79E}" destId="{06431D58-8C28-9B4B-BD52-9E63D064773C}" srcOrd="0" destOrd="0" presId="urn:microsoft.com/office/officeart/2005/8/layout/pyramid2"/>
    <dgm:cxn modelId="{574EA276-F8AE-CA49-93D6-34A639ABC89A}" type="presParOf" srcId="{EBF571BC-35AC-B748-941B-58390924A79E}" destId="{84DB89F9-BFD7-1049-9E3C-5144A05C0167}" srcOrd="1" destOrd="0" presId="urn:microsoft.com/office/officeart/2005/8/layout/pyramid2"/>
    <dgm:cxn modelId="{C56DE24B-86AC-6849-87A0-51D80BE8A0EC}" type="presParOf" srcId="{EBF571BC-35AC-B748-941B-58390924A79E}" destId="{861E1A96-33B5-B347-B1E3-C2D237DDA37A}" srcOrd="2" destOrd="0" presId="urn:microsoft.com/office/officeart/2005/8/layout/pyramid2"/>
    <dgm:cxn modelId="{5DB31694-B6CE-0547-923E-A6BECC8D0191}" type="presParOf" srcId="{EBF571BC-35AC-B748-941B-58390924A79E}" destId="{7EE5D797-CC24-4848-8308-3C20426E2307}" srcOrd="3" destOrd="0" presId="urn:microsoft.com/office/officeart/2005/8/layout/pyramid2"/>
    <dgm:cxn modelId="{88584638-FDD1-BF4F-9689-2DD01676F7A4}" type="presParOf" srcId="{EBF571BC-35AC-B748-941B-58390924A79E}" destId="{B4980517-9F2B-B249-846E-6E3B6FC69504}" srcOrd="4" destOrd="0" presId="urn:microsoft.com/office/officeart/2005/8/layout/pyramid2"/>
    <dgm:cxn modelId="{E6369893-B165-CC41-A019-A1E0184E2F1F}" type="presParOf" srcId="{EBF571BC-35AC-B748-941B-58390924A79E}" destId="{2FDCE7AB-3F7B-674C-AD64-F255E8327ACE}" srcOrd="5" destOrd="0" presId="urn:microsoft.com/office/officeart/2005/8/layout/pyramid2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32ACE933-484B-7A42-8B9B-449DAB2D278C}" type="doc">
      <dgm:prSet loTypeId="urn:microsoft.com/office/officeart/2005/8/layout/vList2" loCatId="process" qsTypeId="urn:microsoft.com/office/officeart/2005/8/quickstyle/simple1" qsCatId="simple" csTypeId="urn:microsoft.com/office/officeart/2005/8/colors/accent1_4" csCatId="accent1" phldr="1"/>
      <dgm:spPr/>
      <dgm:t>
        <a:bodyPr/>
        <a:lstStyle/>
        <a:p>
          <a:endParaRPr lang="en-US"/>
        </a:p>
      </dgm:t>
    </dgm:pt>
    <dgm:pt modelId="{6A368AAB-45AB-514B-9627-F9ED4FCFCD70}">
      <dgm:prSet custT="1"/>
      <dgm:spPr/>
      <dgm:t>
        <a:bodyPr/>
        <a:lstStyle/>
        <a:p>
          <a:pPr algn="ctr"/>
          <a:r>
            <a:rPr lang="en-US" sz="1800" b="1" i="0" baseline="0" dirty="0"/>
            <a:t>New Certification Criteria</a:t>
          </a:r>
        </a:p>
      </dgm:t>
    </dgm:pt>
    <dgm:pt modelId="{366F7CBE-7D89-8141-A99E-5F38C4F31995}" type="parTrans" cxnId="{1E628129-CCC8-A646-B17A-2B6DDF505425}">
      <dgm:prSet/>
      <dgm:spPr/>
      <dgm:t>
        <a:bodyPr/>
        <a:lstStyle/>
        <a:p>
          <a:endParaRPr lang="en-US" sz="1200"/>
        </a:p>
      </dgm:t>
    </dgm:pt>
    <dgm:pt modelId="{0B7D4B5C-C434-2D42-BD6A-0107B8722538}" type="sibTrans" cxnId="{1E628129-CCC8-A646-B17A-2B6DDF505425}">
      <dgm:prSet/>
      <dgm:spPr/>
      <dgm:t>
        <a:bodyPr/>
        <a:lstStyle/>
        <a:p>
          <a:endParaRPr lang="en-US" sz="1200"/>
        </a:p>
      </dgm:t>
    </dgm:pt>
    <dgm:pt modelId="{8B4188AF-BE03-AF40-B17F-DC85C159B3F1}">
      <dgm:prSet custT="1"/>
      <dgm:spPr/>
      <dgm:t>
        <a:bodyPr/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400" b="0" i="0" kern="1200" dirty="0">
              <a:latin typeface="Arial" panose="020B0604020202020204"/>
              <a:ea typeface="+mn-ea"/>
              <a:cs typeface="+mn-cs"/>
            </a:rPr>
            <a:t>Standardized API for Patient Services</a:t>
          </a:r>
          <a:endParaRPr lang="en-US" sz="1600" b="1" i="0" baseline="0" dirty="0"/>
        </a:p>
      </dgm:t>
    </dgm:pt>
    <dgm:pt modelId="{09EFC997-701F-8143-A165-B6CF85B9954F}" type="parTrans" cxnId="{66473381-0CBB-E24D-8F14-FC44412941DC}">
      <dgm:prSet/>
      <dgm:spPr/>
      <dgm:t>
        <a:bodyPr/>
        <a:lstStyle/>
        <a:p>
          <a:endParaRPr lang="en-US" sz="1200"/>
        </a:p>
      </dgm:t>
    </dgm:pt>
    <dgm:pt modelId="{133920B3-8979-4C43-B4EF-F1B8D58A23E4}" type="sibTrans" cxnId="{66473381-0CBB-E24D-8F14-FC44412941DC}">
      <dgm:prSet/>
      <dgm:spPr/>
      <dgm:t>
        <a:bodyPr/>
        <a:lstStyle/>
        <a:p>
          <a:endParaRPr lang="en-US" sz="1200"/>
        </a:p>
      </dgm:t>
    </dgm:pt>
    <dgm:pt modelId="{6E64A6FB-129F-7B49-807D-3F5F3C58DC77}">
      <dgm:prSet custT="1"/>
      <dgm:spPr/>
      <dgm:t>
        <a:bodyPr/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800" b="1" i="0" kern="1200" baseline="0" dirty="0">
              <a:latin typeface="Arial" panose="020B0604020202020204"/>
              <a:ea typeface="+mn-ea"/>
              <a:cs typeface="+mn-cs"/>
            </a:rPr>
            <a:t>Revised Certification Criteria</a:t>
          </a:r>
        </a:p>
      </dgm:t>
    </dgm:pt>
    <dgm:pt modelId="{0865BE83-EA95-BD4F-BBF8-114D302BB133}" type="parTrans" cxnId="{AC4EB3A9-7174-7A4E-A6DB-BC46391B54E4}">
      <dgm:prSet/>
      <dgm:spPr/>
      <dgm:t>
        <a:bodyPr/>
        <a:lstStyle/>
        <a:p>
          <a:endParaRPr lang="en-US" sz="1200"/>
        </a:p>
      </dgm:t>
    </dgm:pt>
    <dgm:pt modelId="{CF2E4CF7-A90B-614E-BE98-FEA8E341B0BD}" type="sibTrans" cxnId="{AC4EB3A9-7174-7A4E-A6DB-BC46391B54E4}">
      <dgm:prSet/>
      <dgm:spPr/>
      <dgm:t>
        <a:bodyPr/>
        <a:lstStyle/>
        <a:p>
          <a:endParaRPr lang="en-US" sz="1200"/>
        </a:p>
      </dgm:t>
    </dgm:pt>
    <dgm:pt modelId="{5AC1DB07-7303-BC41-A029-5C7DAF1652C0}">
      <dgm:prSet custT="1"/>
      <dgm:spPr/>
      <dgm:t>
        <a:bodyPr/>
        <a:lstStyle/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</a:pPr>
          <a:r>
            <a:rPr lang="en-US" sz="1400" b="0" i="0" kern="1200" dirty="0">
              <a:latin typeface="Arial" panose="020B0604020202020204"/>
              <a:ea typeface="+mn-ea"/>
              <a:cs typeface="+mn-cs"/>
            </a:rPr>
            <a:t>USCDI Updates</a:t>
          </a:r>
        </a:p>
      </dgm:t>
    </dgm:pt>
    <dgm:pt modelId="{7E9C1E0F-3A1A-FF46-905A-6C04844D6CB2}" type="parTrans" cxnId="{60EB7570-BAA6-2147-A479-2F18DA793C12}">
      <dgm:prSet/>
      <dgm:spPr/>
      <dgm:t>
        <a:bodyPr/>
        <a:lstStyle/>
        <a:p>
          <a:endParaRPr lang="en-US" sz="1200"/>
        </a:p>
      </dgm:t>
    </dgm:pt>
    <dgm:pt modelId="{B256DBB4-EF8F-FC41-9A6E-31104FBA63CD}" type="sibTrans" cxnId="{60EB7570-BAA6-2147-A479-2F18DA793C12}">
      <dgm:prSet/>
      <dgm:spPr/>
      <dgm:t>
        <a:bodyPr/>
        <a:lstStyle/>
        <a:p>
          <a:endParaRPr lang="en-US" sz="1200"/>
        </a:p>
      </dgm:t>
    </dgm:pt>
    <dgm:pt modelId="{7F249770-3827-494A-8E7C-383707706A39}" type="pres">
      <dgm:prSet presAssocID="{32ACE933-484B-7A42-8B9B-449DAB2D278C}" presName="linear" presStyleCnt="0">
        <dgm:presLayoutVars>
          <dgm:animLvl val="lvl"/>
          <dgm:resizeHandles val="exact"/>
        </dgm:presLayoutVars>
      </dgm:prSet>
      <dgm:spPr/>
    </dgm:pt>
    <dgm:pt modelId="{E4B3B412-19E3-FC42-A7A6-B4FA677013BC}" type="pres">
      <dgm:prSet presAssocID="{6A368AAB-45AB-514B-9627-F9ED4FCFCD70}" presName="parentText" presStyleLbl="node1" presStyleIdx="0" presStyleCnt="2" custLinFactNeighborY="-6509">
        <dgm:presLayoutVars>
          <dgm:chMax val="0"/>
          <dgm:bulletEnabled val="1"/>
        </dgm:presLayoutVars>
      </dgm:prSet>
      <dgm:spPr/>
    </dgm:pt>
    <dgm:pt modelId="{9F549ACE-0C27-8849-835C-DCF04B89E4CB}" type="pres">
      <dgm:prSet presAssocID="{6A368AAB-45AB-514B-9627-F9ED4FCFCD70}" presName="childText" presStyleLbl="revTx" presStyleIdx="0" presStyleCnt="2">
        <dgm:presLayoutVars>
          <dgm:bulletEnabled val="1"/>
        </dgm:presLayoutVars>
      </dgm:prSet>
      <dgm:spPr/>
    </dgm:pt>
    <dgm:pt modelId="{2B30B1D7-3AE0-2D49-878F-E716BBA1174C}" type="pres">
      <dgm:prSet presAssocID="{6E64A6FB-129F-7B49-807D-3F5F3C58DC77}" presName="parentText" presStyleLbl="node1" presStyleIdx="1" presStyleCnt="2">
        <dgm:presLayoutVars>
          <dgm:chMax val="0"/>
          <dgm:bulletEnabled val="1"/>
        </dgm:presLayoutVars>
      </dgm:prSet>
      <dgm:spPr/>
    </dgm:pt>
    <dgm:pt modelId="{7ACE64EB-F172-9845-B3BB-6781078D2B12}" type="pres">
      <dgm:prSet presAssocID="{6E64A6FB-129F-7B49-807D-3F5F3C58DC77}" presName="childText" presStyleLbl="revTx" presStyleIdx="1" presStyleCnt="2">
        <dgm:presLayoutVars>
          <dgm:bulletEnabled val="1"/>
        </dgm:presLayoutVars>
      </dgm:prSet>
      <dgm:spPr/>
    </dgm:pt>
  </dgm:ptLst>
  <dgm:cxnLst>
    <dgm:cxn modelId="{16D2A210-6DBA-AA49-AC80-BA73C1F278E2}" type="presOf" srcId="{5AC1DB07-7303-BC41-A029-5C7DAF1652C0}" destId="{7ACE64EB-F172-9845-B3BB-6781078D2B12}" srcOrd="0" destOrd="0" presId="urn:microsoft.com/office/officeart/2005/8/layout/vList2"/>
    <dgm:cxn modelId="{1E628129-CCC8-A646-B17A-2B6DDF505425}" srcId="{32ACE933-484B-7A42-8B9B-449DAB2D278C}" destId="{6A368AAB-45AB-514B-9627-F9ED4FCFCD70}" srcOrd="0" destOrd="0" parTransId="{366F7CBE-7D89-8141-A99E-5F38C4F31995}" sibTransId="{0B7D4B5C-C434-2D42-BD6A-0107B8722538}"/>
    <dgm:cxn modelId="{B0D6C045-90A1-4B45-B59B-6F97CDB77559}" type="presOf" srcId="{32ACE933-484B-7A42-8B9B-449DAB2D278C}" destId="{7F249770-3827-494A-8E7C-383707706A39}" srcOrd="0" destOrd="0" presId="urn:microsoft.com/office/officeart/2005/8/layout/vList2"/>
    <dgm:cxn modelId="{D5A8D662-6129-AB4B-BD1D-D01A3805DD62}" type="presOf" srcId="{6A368AAB-45AB-514B-9627-F9ED4FCFCD70}" destId="{E4B3B412-19E3-FC42-A7A6-B4FA677013BC}" srcOrd="0" destOrd="0" presId="urn:microsoft.com/office/officeart/2005/8/layout/vList2"/>
    <dgm:cxn modelId="{60EB7570-BAA6-2147-A479-2F18DA793C12}" srcId="{6E64A6FB-129F-7B49-807D-3F5F3C58DC77}" destId="{5AC1DB07-7303-BC41-A029-5C7DAF1652C0}" srcOrd="0" destOrd="0" parTransId="{7E9C1E0F-3A1A-FF46-905A-6C04844D6CB2}" sibTransId="{B256DBB4-EF8F-FC41-9A6E-31104FBA63CD}"/>
    <dgm:cxn modelId="{66473381-0CBB-E24D-8F14-FC44412941DC}" srcId="{6A368AAB-45AB-514B-9627-F9ED4FCFCD70}" destId="{8B4188AF-BE03-AF40-B17F-DC85C159B3F1}" srcOrd="0" destOrd="0" parTransId="{09EFC997-701F-8143-A165-B6CF85B9954F}" sibTransId="{133920B3-8979-4C43-B4EF-F1B8D58A23E4}"/>
    <dgm:cxn modelId="{D101968A-5279-FF45-8807-6B5D51019CCA}" type="presOf" srcId="{6E64A6FB-129F-7B49-807D-3F5F3C58DC77}" destId="{2B30B1D7-3AE0-2D49-878F-E716BBA1174C}" srcOrd="0" destOrd="0" presId="urn:microsoft.com/office/officeart/2005/8/layout/vList2"/>
    <dgm:cxn modelId="{6C9183A5-FEA4-D948-8389-9AA1E8FB4EC1}" type="presOf" srcId="{8B4188AF-BE03-AF40-B17F-DC85C159B3F1}" destId="{9F549ACE-0C27-8849-835C-DCF04B89E4CB}" srcOrd="0" destOrd="0" presId="urn:microsoft.com/office/officeart/2005/8/layout/vList2"/>
    <dgm:cxn modelId="{AC4EB3A9-7174-7A4E-A6DB-BC46391B54E4}" srcId="{32ACE933-484B-7A42-8B9B-449DAB2D278C}" destId="{6E64A6FB-129F-7B49-807D-3F5F3C58DC77}" srcOrd="1" destOrd="0" parTransId="{0865BE83-EA95-BD4F-BBF8-114D302BB133}" sibTransId="{CF2E4CF7-A90B-614E-BE98-FEA8E341B0BD}"/>
    <dgm:cxn modelId="{6ECE0876-941A-2048-AFEA-534B125A3D3D}" type="presParOf" srcId="{7F249770-3827-494A-8E7C-383707706A39}" destId="{E4B3B412-19E3-FC42-A7A6-B4FA677013BC}" srcOrd="0" destOrd="0" presId="urn:microsoft.com/office/officeart/2005/8/layout/vList2"/>
    <dgm:cxn modelId="{6D2C6CA6-6C4F-0C41-91F5-7D3B7BB72285}" type="presParOf" srcId="{7F249770-3827-494A-8E7C-383707706A39}" destId="{9F549ACE-0C27-8849-835C-DCF04B89E4CB}" srcOrd="1" destOrd="0" presId="urn:microsoft.com/office/officeart/2005/8/layout/vList2"/>
    <dgm:cxn modelId="{424EEDBC-F0A7-7A48-B040-543271FEFBAF}" type="presParOf" srcId="{7F249770-3827-494A-8E7C-383707706A39}" destId="{2B30B1D7-3AE0-2D49-878F-E716BBA1174C}" srcOrd="2" destOrd="0" presId="urn:microsoft.com/office/officeart/2005/8/layout/vList2"/>
    <dgm:cxn modelId="{A47FE321-3205-074B-9043-7BFC000D255F}" type="presParOf" srcId="{7F249770-3827-494A-8E7C-383707706A39}" destId="{7ACE64EB-F172-9845-B3BB-6781078D2B12}" srcOrd="3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E7300134-98B6-8C4C-A669-696591364F28}" type="doc">
      <dgm:prSet loTypeId="urn:microsoft.com/office/officeart/2005/8/layout/funnel1" loCatId="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79658616-DB80-DD43-999D-CFB5F8FC4323}">
      <dgm:prSet phldrT="[Text]"/>
      <dgm:spPr/>
      <dgm:t>
        <a:bodyPr/>
        <a:lstStyle/>
        <a:p>
          <a:r>
            <a:rPr lang="en-US"/>
            <a:t> </a:t>
          </a:r>
          <a:endParaRPr lang="en-US" dirty="0"/>
        </a:p>
      </dgm:t>
    </dgm:pt>
    <dgm:pt modelId="{A4CC0B61-EC0B-684A-911B-E9CB74880ED9}" type="parTrans" cxnId="{15991718-5C63-3D43-8D2C-8ABC5279D768}">
      <dgm:prSet/>
      <dgm:spPr/>
      <dgm:t>
        <a:bodyPr/>
        <a:lstStyle/>
        <a:p>
          <a:endParaRPr lang="en-US"/>
        </a:p>
      </dgm:t>
    </dgm:pt>
    <dgm:pt modelId="{5F4F8929-7D89-B845-B469-A21D687B3ADC}" type="sibTrans" cxnId="{15991718-5C63-3D43-8D2C-8ABC5279D768}">
      <dgm:prSet/>
      <dgm:spPr/>
      <dgm:t>
        <a:bodyPr/>
        <a:lstStyle/>
        <a:p>
          <a:endParaRPr lang="en-US"/>
        </a:p>
      </dgm:t>
    </dgm:pt>
    <dgm:pt modelId="{8B0AC969-459B-9244-8471-0F920162A618}">
      <dgm:prSet phldrT="[Text]"/>
      <dgm:spPr/>
      <dgm:t>
        <a:bodyPr/>
        <a:lstStyle/>
        <a:p>
          <a:r>
            <a:rPr lang="en-US" dirty="0"/>
            <a:t> </a:t>
          </a:r>
        </a:p>
      </dgm:t>
    </dgm:pt>
    <dgm:pt modelId="{E85E1AC7-D6D8-5C45-AAE1-35AACC3E3CEF}" type="parTrans" cxnId="{7FE86576-F783-464F-A08F-1D81A8192DD5}">
      <dgm:prSet/>
      <dgm:spPr/>
      <dgm:t>
        <a:bodyPr/>
        <a:lstStyle/>
        <a:p>
          <a:endParaRPr lang="en-US"/>
        </a:p>
      </dgm:t>
    </dgm:pt>
    <dgm:pt modelId="{F248E2DC-5FFA-BE4D-9D46-CBD96FD9715F}" type="sibTrans" cxnId="{7FE86576-F783-464F-A08F-1D81A8192DD5}">
      <dgm:prSet/>
      <dgm:spPr/>
      <dgm:t>
        <a:bodyPr/>
        <a:lstStyle/>
        <a:p>
          <a:endParaRPr lang="en-US"/>
        </a:p>
      </dgm:t>
    </dgm:pt>
    <dgm:pt modelId="{E821C2CF-6B98-9A41-9558-853CFF4C62A7}">
      <dgm:prSet phldrT="[Text]"/>
      <dgm:spPr/>
      <dgm:t>
        <a:bodyPr/>
        <a:lstStyle/>
        <a:p>
          <a:r>
            <a:rPr lang="en-US" i="1" dirty="0"/>
            <a:t>Cerner Ignite APIs</a:t>
          </a:r>
        </a:p>
      </dgm:t>
    </dgm:pt>
    <dgm:pt modelId="{BD6E5A19-6DEA-CD49-B70F-4A7BCDD2B578}" type="parTrans" cxnId="{F985F2AF-824A-8443-8040-95EF234CC7AA}">
      <dgm:prSet/>
      <dgm:spPr/>
      <dgm:t>
        <a:bodyPr/>
        <a:lstStyle/>
        <a:p>
          <a:endParaRPr lang="en-US"/>
        </a:p>
      </dgm:t>
    </dgm:pt>
    <dgm:pt modelId="{09BD3A1D-998A-9249-A3C2-08A2969151A2}" type="sibTrans" cxnId="{F985F2AF-824A-8443-8040-95EF234CC7AA}">
      <dgm:prSet/>
      <dgm:spPr/>
      <dgm:t>
        <a:bodyPr/>
        <a:lstStyle/>
        <a:p>
          <a:endParaRPr lang="en-US"/>
        </a:p>
      </dgm:t>
    </dgm:pt>
    <dgm:pt modelId="{B2E77445-BE16-4C45-BC84-0C791639A385}">
      <dgm:prSet/>
      <dgm:spPr/>
      <dgm:t>
        <a:bodyPr/>
        <a:lstStyle/>
        <a:p>
          <a:endParaRPr lang="en-US"/>
        </a:p>
      </dgm:t>
    </dgm:pt>
    <dgm:pt modelId="{66E04BF6-E81E-E946-B6EA-5BF3C6C523E8}" type="parTrans" cxnId="{642F659B-F046-7943-9C23-60D7F1C1AE75}">
      <dgm:prSet/>
      <dgm:spPr/>
      <dgm:t>
        <a:bodyPr/>
        <a:lstStyle/>
        <a:p>
          <a:endParaRPr lang="en-US"/>
        </a:p>
      </dgm:t>
    </dgm:pt>
    <dgm:pt modelId="{808CDD7C-C65E-BA42-B649-1DEFBC3F12F4}" type="sibTrans" cxnId="{642F659B-F046-7943-9C23-60D7F1C1AE75}">
      <dgm:prSet/>
      <dgm:spPr/>
      <dgm:t>
        <a:bodyPr/>
        <a:lstStyle/>
        <a:p>
          <a:endParaRPr lang="en-US"/>
        </a:p>
      </dgm:t>
    </dgm:pt>
    <dgm:pt modelId="{D87AC12D-4862-6647-B80C-586F29B40A13}" type="pres">
      <dgm:prSet presAssocID="{E7300134-98B6-8C4C-A669-696591364F28}" presName="Name0" presStyleCnt="0">
        <dgm:presLayoutVars>
          <dgm:chMax val="4"/>
          <dgm:resizeHandles val="exact"/>
        </dgm:presLayoutVars>
      </dgm:prSet>
      <dgm:spPr/>
    </dgm:pt>
    <dgm:pt modelId="{C1436291-36DB-764A-884F-FE768AF5E900}" type="pres">
      <dgm:prSet presAssocID="{E7300134-98B6-8C4C-A669-696591364F28}" presName="ellipse" presStyleLbl="trBgShp" presStyleIdx="0" presStyleCnt="1"/>
      <dgm:spPr/>
    </dgm:pt>
    <dgm:pt modelId="{EE99F22A-337E-794D-9A9A-304747CF38CF}" type="pres">
      <dgm:prSet presAssocID="{E7300134-98B6-8C4C-A669-696591364F28}" presName="arrow1" presStyleLbl="fgShp" presStyleIdx="0" presStyleCnt="1"/>
      <dgm:spPr/>
    </dgm:pt>
    <dgm:pt modelId="{E9E0FAC1-2792-BC44-BDF1-6AEE7E6BFEB2}" type="pres">
      <dgm:prSet presAssocID="{E7300134-98B6-8C4C-A669-696591364F28}" presName="rectangle" presStyleLbl="revTx" presStyleIdx="0" presStyleCnt="1">
        <dgm:presLayoutVars>
          <dgm:bulletEnabled val="1"/>
        </dgm:presLayoutVars>
      </dgm:prSet>
      <dgm:spPr/>
    </dgm:pt>
    <dgm:pt modelId="{2CA08658-D328-C542-BF1E-7B3C2B39FB89}" type="pres">
      <dgm:prSet presAssocID="{8B0AC969-459B-9244-8471-0F920162A618}" presName="item1" presStyleLbl="node1" presStyleIdx="0" presStyleCnt="3">
        <dgm:presLayoutVars>
          <dgm:bulletEnabled val="1"/>
        </dgm:presLayoutVars>
      </dgm:prSet>
      <dgm:spPr/>
    </dgm:pt>
    <dgm:pt modelId="{6EF664CF-908C-444A-A641-88F8C9A2FD09}" type="pres">
      <dgm:prSet presAssocID="{B2E77445-BE16-4C45-BC84-0C791639A385}" presName="item2" presStyleLbl="node1" presStyleIdx="1" presStyleCnt="3">
        <dgm:presLayoutVars>
          <dgm:bulletEnabled val="1"/>
        </dgm:presLayoutVars>
      </dgm:prSet>
      <dgm:spPr/>
    </dgm:pt>
    <dgm:pt modelId="{04507F0E-7CF6-2E4F-BC51-FADD938F7B2D}" type="pres">
      <dgm:prSet presAssocID="{E821C2CF-6B98-9A41-9558-853CFF4C62A7}" presName="item3" presStyleLbl="node1" presStyleIdx="2" presStyleCnt="3">
        <dgm:presLayoutVars>
          <dgm:bulletEnabled val="1"/>
        </dgm:presLayoutVars>
      </dgm:prSet>
      <dgm:spPr/>
    </dgm:pt>
    <dgm:pt modelId="{B74B9F63-A9CB-0947-AE61-46C20B799B54}" type="pres">
      <dgm:prSet presAssocID="{E7300134-98B6-8C4C-A669-696591364F28}" presName="funnel" presStyleLbl="trAlignAcc1" presStyleIdx="0" presStyleCnt="1"/>
      <dgm:spPr/>
    </dgm:pt>
  </dgm:ptLst>
  <dgm:cxnLst>
    <dgm:cxn modelId="{15991718-5C63-3D43-8D2C-8ABC5279D768}" srcId="{E7300134-98B6-8C4C-A669-696591364F28}" destId="{79658616-DB80-DD43-999D-CFB5F8FC4323}" srcOrd="0" destOrd="0" parTransId="{A4CC0B61-EC0B-684A-911B-E9CB74880ED9}" sibTransId="{5F4F8929-7D89-B845-B469-A21D687B3ADC}"/>
    <dgm:cxn modelId="{12697F21-8C26-7147-8677-BA24DE44BAAC}" type="presOf" srcId="{E821C2CF-6B98-9A41-9558-853CFF4C62A7}" destId="{E9E0FAC1-2792-BC44-BDF1-6AEE7E6BFEB2}" srcOrd="0" destOrd="0" presId="urn:microsoft.com/office/officeart/2005/8/layout/funnel1"/>
    <dgm:cxn modelId="{14CDDD2F-84B0-6F46-BE5A-02AE2F7D7EAD}" type="presOf" srcId="{8B0AC969-459B-9244-8471-0F920162A618}" destId="{6EF664CF-908C-444A-A641-88F8C9A2FD09}" srcOrd="0" destOrd="0" presId="urn:microsoft.com/office/officeart/2005/8/layout/funnel1"/>
    <dgm:cxn modelId="{182CE933-394E-4645-9F67-F4824A737818}" type="presOf" srcId="{E7300134-98B6-8C4C-A669-696591364F28}" destId="{D87AC12D-4862-6647-B80C-586F29B40A13}" srcOrd="0" destOrd="0" presId="urn:microsoft.com/office/officeart/2005/8/layout/funnel1"/>
    <dgm:cxn modelId="{5E23856D-C4A0-E449-A6CA-50EE676EB754}" type="presOf" srcId="{B2E77445-BE16-4C45-BC84-0C791639A385}" destId="{2CA08658-D328-C542-BF1E-7B3C2B39FB89}" srcOrd="0" destOrd="0" presId="urn:microsoft.com/office/officeart/2005/8/layout/funnel1"/>
    <dgm:cxn modelId="{7FE86576-F783-464F-A08F-1D81A8192DD5}" srcId="{E7300134-98B6-8C4C-A669-696591364F28}" destId="{8B0AC969-459B-9244-8471-0F920162A618}" srcOrd="1" destOrd="0" parTransId="{E85E1AC7-D6D8-5C45-AAE1-35AACC3E3CEF}" sibTransId="{F248E2DC-5FFA-BE4D-9D46-CBD96FD9715F}"/>
    <dgm:cxn modelId="{70173394-0266-4247-8CBB-05EF12E7A451}" type="presOf" srcId="{79658616-DB80-DD43-999D-CFB5F8FC4323}" destId="{04507F0E-7CF6-2E4F-BC51-FADD938F7B2D}" srcOrd="0" destOrd="0" presId="urn:microsoft.com/office/officeart/2005/8/layout/funnel1"/>
    <dgm:cxn modelId="{642F659B-F046-7943-9C23-60D7F1C1AE75}" srcId="{E7300134-98B6-8C4C-A669-696591364F28}" destId="{B2E77445-BE16-4C45-BC84-0C791639A385}" srcOrd="2" destOrd="0" parTransId="{66E04BF6-E81E-E946-B6EA-5BF3C6C523E8}" sibTransId="{808CDD7C-C65E-BA42-B649-1DEFBC3F12F4}"/>
    <dgm:cxn modelId="{F985F2AF-824A-8443-8040-95EF234CC7AA}" srcId="{E7300134-98B6-8C4C-A669-696591364F28}" destId="{E821C2CF-6B98-9A41-9558-853CFF4C62A7}" srcOrd="3" destOrd="0" parTransId="{BD6E5A19-6DEA-CD49-B70F-4A7BCDD2B578}" sibTransId="{09BD3A1D-998A-9249-A3C2-08A2969151A2}"/>
    <dgm:cxn modelId="{87F981CC-075D-D346-B43A-00C0EDB9C057}" type="presParOf" srcId="{D87AC12D-4862-6647-B80C-586F29B40A13}" destId="{C1436291-36DB-764A-884F-FE768AF5E900}" srcOrd="0" destOrd="0" presId="urn:microsoft.com/office/officeart/2005/8/layout/funnel1"/>
    <dgm:cxn modelId="{A22F4CFC-F381-3C45-9F18-D1E18157AFEF}" type="presParOf" srcId="{D87AC12D-4862-6647-B80C-586F29B40A13}" destId="{EE99F22A-337E-794D-9A9A-304747CF38CF}" srcOrd="1" destOrd="0" presId="urn:microsoft.com/office/officeart/2005/8/layout/funnel1"/>
    <dgm:cxn modelId="{4207B042-4AB5-1F42-AF25-54E1B4508B90}" type="presParOf" srcId="{D87AC12D-4862-6647-B80C-586F29B40A13}" destId="{E9E0FAC1-2792-BC44-BDF1-6AEE7E6BFEB2}" srcOrd="2" destOrd="0" presId="urn:microsoft.com/office/officeart/2005/8/layout/funnel1"/>
    <dgm:cxn modelId="{07AC5BFC-A0D6-5747-872D-6E518D3BCB3F}" type="presParOf" srcId="{D87AC12D-4862-6647-B80C-586F29B40A13}" destId="{2CA08658-D328-C542-BF1E-7B3C2B39FB89}" srcOrd="3" destOrd="0" presId="urn:microsoft.com/office/officeart/2005/8/layout/funnel1"/>
    <dgm:cxn modelId="{DB410FA7-6D3F-924A-B56C-241F69D12953}" type="presParOf" srcId="{D87AC12D-4862-6647-B80C-586F29B40A13}" destId="{6EF664CF-908C-444A-A641-88F8C9A2FD09}" srcOrd="4" destOrd="0" presId="urn:microsoft.com/office/officeart/2005/8/layout/funnel1"/>
    <dgm:cxn modelId="{8DB3C23E-C538-4E49-B42A-E2D1BEAD5919}" type="presParOf" srcId="{D87AC12D-4862-6647-B80C-586F29B40A13}" destId="{04507F0E-7CF6-2E4F-BC51-FADD938F7B2D}" srcOrd="5" destOrd="0" presId="urn:microsoft.com/office/officeart/2005/8/layout/funnel1"/>
    <dgm:cxn modelId="{D07D3387-A071-FA42-9ACD-3162B791A6A9}" type="presParOf" srcId="{D87AC12D-4862-6647-B80C-586F29B40A13}" destId="{B74B9F63-A9CB-0947-AE61-46C20B799B54}" srcOrd="6" destOrd="0" presId="urn:microsoft.com/office/officeart/2005/8/layout/funnel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DBDE2291-725B-664A-8A5B-6981CFCCBB24}" type="doc">
      <dgm:prSet loTypeId="urn:microsoft.com/office/officeart/2005/8/layout/vList2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965AA17-E7E8-1B46-B8F9-AD3092F15F9D}">
      <dgm:prSet custT="1"/>
      <dgm:spPr/>
      <dgm:t>
        <a:bodyPr/>
        <a:lstStyle/>
        <a:p>
          <a:r>
            <a:rPr lang="en-US" sz="3600" b="1" i="0" baseline="0" dirty="0"/>
            <a:t>Developers: HL7 FHIR R4 </a:t>
          </a:r>
          <a:endParaRPr lang="en-US" sz="3600" dirty="0"/>
        </a:p>
      </dgm:t>
    </dgm:pt>
    <dgm:pt modelId="{332BF8F0-4EC8-B24B-94A3-1F2028C26AB5}" type="parTrans" cxnId="{C2C49324-10CB-9F4B-8BEE-CAA764B73E6B}">
      <dgm:prSet/>
      <dgm:spPr/>
      <dgm:t>
        <a:bodyPr/>
        <a:lstStyle/>
        <a:p>
          <a:endParaRPr lang="en-US" sz="1400"/>
        </a:p>
      </dgm:t>
    </dgm:pt>
    <dgm:pt modelId="{E1295B7B-F329-4041-BFB3-819AD45B0191}" type="sibTrans" cxnId="{C2C49324-10CB-9F4B-8BEE-CAA764B73E6B}">
      <dgm:prSet/>
      <dgm:spPr/>
      <dgm:t>
        <a:bodyPr/>
        <a:lstStyle/>
        <a:p>
          <a:endParaRPr lang="en-US" sz="1400"/>
        </a:p>
      </dgm:t>
    </dgm:pt>
    <dgm:pt modelId="{2C69B252-867F-FD4E-9310-037A40EE1E5D}">
      <dgm:prSet custT="1"/>
      <dgm:spPr/>
      <dgm:t>
        <a:bodyPr/>
        <a:lstStyle/>
        <a:p>
          <a:r>
            <a:rPr lang="en-US" sz="3600" b="1" i="0" baseline="0" dirty="0"/>
            <a:t>Clients: FHIR API R4 Mappings</a:t>
          </a:r>
          <a:endParaRPr lang="en-US" sz="3600" dirty="0"/>
        </a:p>
      </dgm:t>
    </dgm:pt>
    <dgm:pt modelId="{1895EFFC-52AC-9641-AD94-97211BE3B2E7}" type="parTrans" cxnId="{0C3E0035-9157-1A44-A6BA-0605974CCAE5}">
      <dgm:prSet/>
      <dgm:spPr/>
      <dgm:t>
        <a:bodyPr/>
        <a:lstStyle/>
        <a:p>
          <a:endParaRPr lang="en-US" sz="1400"/>
        </a:p>
      </dgm:t>
    </dgm:pt>
    <dgm:pt modelId="{6BF017ED-4E35-D04E-8784-3CD4513C96E8}" type="sibTrans" cxnId="{0C3E0035-9157-1A44-A6BA-0605974CCAE5}">
      <dgm:prSet/>
      <dgm:spPr/>
      <dgm:t>
        <a:bodyPr/>
        <a:lstStyle/>
        <a:p>
          <a:endParaRPr lang="en-US" sz="1400"/>
        </a:p>
      </dgm:t>
    </dgm:pt>
    <dgm:pt modelId="{BA0F102E-C6C5-E243-898B-EAAE1ECD762B}">
      <dgm:prSet custT="1"/>
      <dgm:spPr/>
      <dgm:t>
        <a:bodyPr/>
        <a:lstStyle/>
        <a:p>
          <a:r>
            <a:rPr lang="en-US" sz="3600" b="1" i="0" baseline="0" dirty="0"/>
            <a:t>Clients: Code Level</a:t>
          </a:r>
          <a:endParaRPr lang="en-US" sz="3600" dirty="0"/>
        </a:p>
      </dgm:t>
    </dgm:pt>
    <dgm:pt modelId="{B0A8894F-BD21-6A4D-99B7-2398C3AB0DA8}" type="parTrans" cxnId="{D3F9ABB4-8C4D-064A-A39E-B281F3210452}">
      <dgm:prSet/>
      <dgm:spPr/>
      <dgm:t>
        <a:bodyPr/>
        <a:lstStyle/>
        <a:p>
          <a:endParaRPr lang="en-US" sz="1400"/>
        </a:p>
      </dgm:t>
    </dgm:pt>
    <dgm:pt modelId="{3869B622-8970-2442-A803-AFE484E09B86}" type="sibTrans" cxnId="{D3F9ABB4-8C4D-064A-A39E-B281F3210452}">
      <dgm:prSet/>
      <dgm:spPr/>
      <dgm:t>
        <a:bodyPr/>
        <a:lstStyle/>
        <a:p>
          <a:endParaRPr lang="en-US" sz="1400"/>
        </a:p>
      </dgm:t>
    </dgm:pt>
    <dgm:pt modelId="{4E89D367-9D1B-F84F-A05F-FA796C6CC124}">
      <dgm:prSet custT="1"/>
      <dgm:spPr/>
      <dgm:t>
        <a:bodyPr/>
        <a:lstStyle/>
        <a:p>
          <a:r>
            <a:rPr lang="en-US" sz="3600" b="1" i="0" baseline="0" dirty="0"/>
            <a:t>Clients: Foundational Configuration</a:t>
          </a:r>
          <a:endParaRPr lang="en-US" sz="3600" dirty="0"/>
        </a:p>
      </dgm:t>
    </dgm:pt>
    <dgm:pt modelId="{042D369D-CE60-4846-BD31-AD1EF596977F}" type="parTrans" cxnId="{8F79A767-57A9-D349-A353-7EE807DF7D58}">
      <dgm:prSet/>
      <dgm:spPr/>
      <dgm:t>
        <a:bodyPr/>
        <a:lstStyle/>
        <a:p>
          <a:endParaRPr lang="en-US" sz="1400"/>
        </a:p>
      </dgm:t>
    </dgm:pt>
    <dgm:pt modelId="{F0538B42-46DE-664E-BA1C-30B2F5731133}" type="sibTrans" cxnId="{8F79A767-57A9-D349-A353-7EE807DF7D58}">
      <dgm:prSet/>
      <dgm:spPr/>
      <dgm:t>
        <a:bodyPr/>
        <a:lstStyle/>
        <a:p>
          <a:endParaRPr lang="en-US" sz="1400"/>
        </a:p>
      </dgm:t>
    </dgm:pt>
    <dgm:pt modelId="{76A57784-A04C-6C46-8E0B-C8A6973AA22F}" type="pres">
      <dgm:prSet presAssocID="{DBDE2291-725B-664A-8A5B-6981CFCCBB24}" presName="linear" presStyleCnt="0">
        <dgm:presLayoutVars>
          <dgm:animLvl val="lvl"/>
          <dgm:resizeHandles val="exact"/>
        </dgm:presLayoutVars>
      </dgm:prSet>
      <dgm:spPr/>
    </dgm:pt>
    <dgm:pt modelId="{558C0289-AC01-734F-91F6-9BA77EC81B40}" type="pres">
      <dgm:prSet presAssocID="{C965AA17-E7E8-1B46-B8F9-AD3092F15F9D}" presName="parentText" presStyleLbl="node1" presStyleIdx="0" presStyleCnt="4">
        <dgm:presLayoutVars>
          <dgm:chMax val="0"/>
          <dgm:bulletEnabled val="1"/>
        </dgm:presLayoutVars>
      </dgm:prSet>
      <dgm:spPr/>
    </dgm:pt>
    <dgm:pt modelId="{A50C4D77-02DA-564D-89A8-22B328694441}" type="pres">
      <dgm:prSet presAssocID="{E1295B7B-F329-4041-BFB3-819AD45B0191}" presName="spacer" presStyleCnt="0"/>
      <dgm:spPr/>
    </dgm:pt>
    <dgm:pt modelId="{C721A4EB-F322-A34F-96EA-388A5937638E}" type="pres">
      <dgm:prSet presAssocID="{2C69B252-867F-FD4E-9310-037A40EE1E5D}" presName="parentText" presStyleLbl="node1" presStyleIdx="1" presStyleCnt="4">
        <dgm:presLayoutVars>
          <dgm:chMax val="0"/>
          <dgm:bulletEnabled val="1"/>
        </dgm:presLayoutVars>
      </dgm:prSet>
      <dgm:spPr/>
    </dgm:pt>
    <dgm:pt modelId="{2A08C454-F9D7-E741-A37C-31AE8E4B129E}" type="pres">
      <dgm:prSet presAssocID="{6BF017ED-4E35-D04E-8784-3CD4513C96E8}" presName="spacer" presStyleCnt="0"/>
      <dgm:spPr/>
    </dgm:pt>
    <dgm:pt modelId="{6700684B-0888-5B49-8E2B-3B994C2D40B7}" type="pres">
      <dgm:prSet presAssocID="{BA0F102E-C6C5-E243-898B-EAAE1ECD762B}" presName="parentText" presStyleLbl="node1" presStyleIdx="2" presStyleCnt="4">
        <dgm:presLayoutVars>
          <dgm:chMax val="0"/>
          <dgm:bulletEnabled val="1"/>
        </dgm:presLayoutVars>
      </dgm:prSet>
      <dgm:spPr/>
    </dgm:pt>
    <dgm:pt modelId="{E4AAC596-4CEB-1047-8783-1A35E30ACC4A}" type="pres">
      <dgm:prSet presAssocID="{3869B622-8970-2442-A803-AFE484E09B86}" presName="spacer" presStyleCnt="0"/>
      <dgm:spPr/>
    </dgm:pt>
    <dgm:pt modelId="{708B0A4E-4612-E242-966B-DF61C0997123}" type="pres">
      <dgm:prSet presAssocID="{4E89D367-9D1B-F84F-A05F-FA796C6CC124}" presName="parentText" presStyleLbl="node1" presStyleIdx="3" presStyleCnt="4">
        <dgm:presLayoutVars>
          <dgm:chMax val="0"/>
          <dgm:bulletEnabled val="1"/>
        </dgm:presLayoutVars>
      </dgm:prSet>
      <dgm:spPr/>
    </dgm:pt>
  </dgm:ptLst>
  <dgm:cxnLst>
    <dgm:cxn modelId="{C2C49324-10CB-9F4B-8BEE-CAA764B73E6B}" srcId="{DBDE2291-725B-664A-8A5B-6981CFCCBB24}" destId="{C965AA17-E7E8-1B46-B8F9-AD3092F15F9D}" srcOrd="0" destOrd="0" parTransId="{332BF8F0-4EC8-B24B-94A3-1F2028C26AB5}" sibTransId="{E1295B7B-F329-4041-BFB3-819AD45B0191}"/>
    <dgm:cxn modelId="{4347532A-B9D1-8C46-98B2-E65AE6E60191}" type="presOf" srcId="{BA0F102E-C6C5-E243-898B-EAAE1ECD762B}" destId="{6700684B-0888-5B49-8E2B-3B994C2D40B7}" srcOrd="0" destOrd="0" presId="urn:microsoft.com/office/officeart/2005/8/layout/vList2"/>
    <dgm:cxn modelId="{0C3E0035-9157-1A44-A6BA-0605974CCAE5}" srcId="{DBDE2291-725B-664A-8A5B-6981CFCCBB24}" destId="{2C69B252-867F-FD4E-9310-037A40EE1E5D}" srcOrd="1" destOrd="0" parTransId="{1895EFFC-52AC-9641-AD94-97211BE3B2E7}" sibTransId="{6BF017ED-4E35-D04E-8784-3CD4513C96E8}"/>
    <dgm:cxn modelId="{FFEF0538-B44B-3B40-82C1-964E9CB9E49B}" type="presOf" srcId="{4E89D367-9D1B-F84F-A05F-FA796C6CC124}" destId="{708B0A4E-4612-E242-966B-DF61C0997123}" srcOrd="0" destOrd="0" presId="urn:microsoft.com/office/officeart/2005/8/layout/vList2"/>
    <dgm:cxn modelId="{B7C32750-205E-8B4E-A851-8CE6725A023C}" type="presOf" srcId="{DBDE2291-725B-664A-8A5B-6981CFCCBB24}" destId="{76A57784-A04C-6C46-8E0B-C8A6973AA22F}" srcOrd="0" destOrd="0" presId="urn:microsoft.com/office/officeart/2005/8/layout/vList2"/>
    <dgm:cxn modelId="{8F79A767-57A9-D349-A353-7EE807DF7D58}" srcId="{DBDE2291-725B-664A-8A5B-6981CFCCBB24}" destId="{4E89D367-9D1B-F84F-A05F-FA796C6CC124}" srcOrd="3" destOrd="0" parTransId="{042D369D-CE60-4846-BD31-AD1EF596977F}" sibTransId="{F0538B42-46DE-664E-BA1C-30B2F5731133}"/>
    <dgm:cxn modelId="{74C86B7A-5FE3-BA46-B0EC-CB2229716784}" type="presOf" srcId="{C965AA17-E7E8-1B46-B8F9-AD3092F15F9D}" destId="{558C0289-AC01-734F-91F6-9BA77EC81B40}" srcOrd="0" destOrd="0" presId="urn:microsoft.com/office/officeart/2005/8/layout/vList2"/>
    <dgm:cxn modelId="{626BF48D-785A-FA44-B6E2-C63577BCC6B2}" type="presOf" srcId="{2C69B252-867F-FD4E-9310-037A40EE1E5D}" destId="{C721A4EB-F322-A34F-96EA-388A5937638E}" srcOrd="0" destOrd="0" presId="urn:microsoft.com/office/officeart/2005/8/layout/vList2"/>
    <dgm:cxn modelId="{D3F9ABB4-8C4D-064A-A39E-B281F3210452}" srcId="{DBDE2291-725B-664A-8A5B-6981CFCCBB24}" destId="{BA0F102E-C6C5-E243-898B-EAAE1ECD762B}" srcOrd="2" destOrd="0" parTransId="{B0A8894F-BD21-6A4D-99B7-2398C3AB0DA8}" sibTransId="{3869B622-8970-2442-A803-AFE484E09B86}"/>
    <dgm:cxn modelId="{85836452-EEB1-F94D-9BF3-E445BD95CA07}" type="presParOf" srcId="{76A57784-A04C-6C46-8E0B-C8A6973AA22F}" destId="{558C0289-AC01-734F-91F6-9BA77EC81B40}" srcOrd="0" destOrd="0" presId="urn:microsoft.com/office/officeart/2005/8/layout/vList2"/>
    <dgm:cxn modelId="{38B637E8-9064-9B47-8A02-C3F906C45B8A}" type="presParOf" srcId="{76A57784-A04C-6C46-8E0B-C8A6973AA22F}" destId="{A50C4D77-02DA-564D-89A8-22B328694441}" srcOrd="1" destOrd="0" presId="urn:microsoft.com/office/officeart/2005/8/layout/vList2"/>
    <dgm:cxn modelId="{F858E042-93C7-9242-9DEC-2D8017C8DB09}" type="presParOf" srcId="{76A57784-A04C-6C46-8E0B-C8A6973AA22F}" destId="{C721A4EB-F322-A34F-96EA-388A5937638E}" srcOrd="2" destOrd="0" presId="urn:microsoft.com/office/officeart/2005/8/layout/vList2"/>
    <dgm:cxn modelId="{521105A5-64B2-A244-8741-2D15287E205F}" type="presParOf" srcId="{76A57784-A04C-6C46-8E0B-C8A6973AA22F}" destId="{2A08C454-F9D7-E741-A37C-31AE8E4B129E}" srcOrd="3" destOrd="0" presId="urn:microsoft.com/office/officeart/2005/8/layout/vList2"/>
    <dgm:cxn modelId="{79D2E2EB-3E00-A34E-BFC5-95DB53AA62F1}" type="presParOf" srcId="{76A57784-A04C-6C46-8E0B-C8A6973AA22F}" destId="{6700684B-0888-5B49-8E2B-3B994C2D40B7}" srcOrd="4" destOrd="0" presId="urn:microsoft.com/office/officeart/2005/8/layout/vList2"/>
    <dgm:cxn modelId="{40CBC953-15E1-5145-9DD1-9EF934A3DF76}" type="presParOf" srcId="{76A57784-A04C-6C46-8E0B-C8A6973AA22F}" destId="{E4AAC596-4CEB-1047-8783-1A35E30ACC4A}" srcOrd="5" destOrd="0" presId="urn:microsoft.com/office/officeart/2005/8/layout/vList2"/>
    <dgm:cxn modelId="{8EDEEC6C-ABD1-754B-822E-969DA6697ACF}" type="presParOf" srcId="{76A57784-A04C-6C46-8E0B-C8A6973AA22F}" destId="{708B0A4E-4612-E242-966B-DF61C0997123}" srcOrd="6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26A6B5DC-2C73-A549-99AB-88E0B676896D}" type="doc">
      <dgm:prSet loTypeId="urn:microsoft.com/office/officeart/2005/8/layout/cycle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1D43F34-DADE-2249-915F-1AD3C8EE2E54}">
      <dgm:prSet/>
      <dgm:spPr/>
      <dgm:t>
        <a:bodyPr/>
        <a:lstStyle/>
        <a:p>
          <a:r>
            <a:rPr lang="en-US" b="1" i="0" baseline="0" dirty="0"/>
            <a:t>Incremental Value</a:t>
          </a:r>
          <a:endParaRPr lang="en-US" dirty="0"/>
        </a:p>
      </dgm:t>
    </dgm:pt>
    <dgm:pt modelId="{D369C888-858C-1B44-AEDC-9FCEE7A718ED}" type="parTrans" cxnId="{AD9BDE82-B756-8A4E-9B41-2D5DA2FA0F71}">
      <dgm:prSet/>
      <dgm:spPr/>
      <dgm:t>
        <a:bodyPr/>
        <a:lstStyle/>
        <a:p>
          <a:endParaRPr lang="en-US"/>
        </a:p>
      </dgm:t>
    </dgm:pt>
    <dgm:pt modelId="{2257C555-2E5A-C549-B67A-B4E075447F99}" type="sibTrans" cxnId="{AD9BDE82-B756-8A4E-9B41-2D5DA2FA0F71}">
      <dgm:prSet/>
      <dgm:spPr/>
      <dgm:t>
        <a:bodyPr/>
        <a:lstStyle/>
        <a:p>
          <a:endParaRPr lang="en-US"/>
        </a:p>
      </dgm:t>
    </dgm:pt>
    <dgm:pt modelId="{92DE1815-FC9C-8647-962F-C96D758CEE12}">
      <dgm:prSet/>
      <dgm:spPr/>
      <dgm:t>
        <a:bodyPr/>
        <a:lstStyle/>
        <a:p>
          <a:r>
            <a:rPr lang="en-US" b="1" i="0" baseline="0" dirty="0"/>
            <a:t>Receive Feedback</a:t>
          </a:r>
          <a:endParaRPr lang="en-US" dirty="0"/>
        </a:p>
      </dgm:t>
    </dgm:pt>
    <dgm:pt modelId="{71D89097-1A95-714C-AEF3-711B27478BEC}" type="parTrans" cxnId="{ECBB5034-80B5-3B4A-9EE6-AEF5B9AE26CF}">
      <dgm:prSet/>
      <dgm:spPr/>
      <dgm:t>
        <a:bodyPr/>
        <a:lstStyle/>
        <a:p>
          <a:endParaRPr lang="en-US"/>
        </a:p>
      </dgm:t>
    </dgm:pt>
    <dgm:pt modelId="{D7B4643D-AD14-CA4C-8F29-09CAAA612B3D}" type="sibTrans" cxnId="{ECBB5034-80B5-3B4A-9EE6-AEF5B9AE26CF}">
      <dgm:prSet/>
      <dgm:spPr/>
      <dgm:t>
        <a:bodyPr/>
        <a:lstStyle/>
        <a:p>
          <a:endParaRPr lang="en-US"/>
        </a:p>
      </dgm:t>
    </dgm:pt>
    <dgm:pt modelId="{E71C3F27-03B3-024E-854E-AF34FC90B0FA}" type="pres">
      <dgm:prSet presAssocID="{26A6B5DC-2C73-A549-99AB-88E0B676896D}" presName="cycle" presStyleCnt="0">
        <dgm:presLayoutVars>
          <dgm:dir/>
          <dgm:resizeHandles val="exact"/>
        </dgm:presLayoutVars>
      </dgm:prSet>
      <dgm:spPr/>
    </dgm:pt>
    <dgm:pt modelId="{158F7483-3525-D846-BA93-24FEEE25DA76}" type="pres">
      <dgm:prSet presAssocID="{92DE1815-FC9C-8647-962F-C96D758CEE12}" presName="dummy" presStyleCnt="0"/>
      <dgm:spPr/>
    </dgm:pt>
    <dgm:pt modelId="{228315DD-CC1D-404D-AB33-2623BAC42C3F}" type="pres">
      <dgm:prSet presAssocID="{92DE1815-FC9C-8647-962F-C96D758CEE12}" presName="node" presStyleLbl="revTx" presStyleIdx="0" presStyleCnt="2">
        <dgm:presLayoutVars>
          <dgm:bulletEnabled val="1"/>
        </dgm:presLayoutVars>
      </dgm:prSet>
      <dgm:spPr/>
    </dgm:pt>
    <dgm:pt modelId="{D2602FE6-6E93-8048-B273-6F19DDB8C9D7}" type="pres">
      <dgm:prSet presAssocID="{D7B4643D-AD14-CA4C-8F29-09CAAA612B3D}" presName="sibTrans" presStyleLbl="node1" presStyleIdx="0" presStyleCnt="2"/>
      <dgm:spPr/>
    </dgm:pt>
    <dgm:pt modelId="{6237C15B-2A53-B14C-A7AF-FCD4001095F7}" type="pres">
      <dgm:prSet presAssocID="{B1D43F34-DADE-2249-915F-1AD3C8EE2E54}" presName="dummy" presStyleCnt="0"/>
      <dgm:spPr/>
    </dgm:pt>
    <dgm:pt modelId="{C738E86D-A8D6-5640-91D0-A12DC9B0D723}" type="pres">
      <dgm:prSet presAssocID="{B1D43F34-DADE-2249-915F-1AD3C8EE2E54}" presName="node" presStyleLbl="revTx" presStyleIdx="1" presStyleCnt="2">
        <dgm:presLayoutVars>
          <dgm:bulletEnabled val="1"/>
        </dgm:presLayoutVars>
      </dgm:prSet>
      <dgm:spPr/>
    </dgm:pt>
    <dgm:pt modelId="{D57941CB-0D2E-B84D-9A97-A451FE485781}" type="pres">
      <dgm:prSet presAssocID="{2257C555-2E5A-C549-B67A-B4E075447F99}" presName="sibTrans" presStyleLbl="node1" presStyleIdx="1" presStyleCnt="2"/>
      <dgm:spPr/>
    </dgm:pt>
  </dgm:ptLst>
  <dgm:cxnLst>
    <dgm:cxn modelId="{6517390D-CC71-194D-9072-4BF3C246FE4B}" type="presOf" srcId="{26A6B5DC-2C73-A549-99AB-88E0B676896D}" destId="{E71C3F27-03B3-024E-854E-AF34FC90B0FA}" srcOrd="0" destOrd="0" presId="urn:microsoft.com/office/officeart/2005/8/layout/cycle1"/>
    <dgm:cxn modelId="{ECBB5034-80B5-3B4A-9EE6-AEF5B9AE26CF}" srcId="{26A6B5DC-2C73-A549-99AB-88E0B676896D}" destId="{92DE1815-FC9C-8647-962F-C96D758CEE12}" srcOrd="0" destOrd="0" parTransId="{71D89097-1A95-714C-AEF3-711B27478BEC}" sibTransId="{D7B4643D-AD14-CA4C-8F29-09CAAA612B3D}"/>
    <dgm:cxn modelId="{2E4A9474-7DBA-FB41-A9A2-824BDE2F3A8D}" type="presOf" srcId="{92DE1815-FC9C-8647-962F-C96D758CEE12}" destId="{228315DD-CC1D-404D-AB33-2623BAC42C3F}" srcOrd="0" destOrd="0" presId="urn:microsoft.com/office/officeart/2005/8/layout/cycle1"/>
    <dgm:cxn modelId="{AD595479-AA4E-E941-B6F9-8E32CD675E86}" type="presOf" srcId="{B1D43F34-DADE-2249-915F-1AD3C8EE2E54}" destId="{C738E86D-A8D6-5640-91D0-A12DC9B0D723}" srcOrd="0" destOrd="0" presId="urn:microsoft.com/office/officeart/2005/8/layout/cycle1"/>
    <dgm:cxn modelId="{AD9BDE82-B756-8A4E-9B41-2D5DA2FA0F71}" srcId="{26A6B5DC-2C73-A549-99AB-88E0B676896D}" destId="{B1D43F34-DADE-2249-915F-1AD3C8EE2E54}" srcOrd="1" destOrd="0" parTransId="{D369C888-858C-1B44-AEDC-9FCEE7A718ED}" sibTransId="{2257C555-2E5A-C549-B67A-B4E075447F99}"/>
    <dgm:cxn modelId="{5A86C1AD-D8FC-4143-BC59-192EF5C0912F}" type="presOf" srcId="{D7B4643D-AD14-CA4C-8F29-09CAAA612B3D}" destId="{D2602FE6-6E93-8048-B273-6F19DDB8C9D7}" srcOrd="0" destOrd="0" presId="urn:microsoft.com/office/officeart/2005/8/layout/cycle1"/>
    <dgm:cxn modelId="{EAE49BE4-FD5C-8241-BA58-9AE501D0FA65}" type="presOf" srcId="{2257C555-2E5A-C549-B67A-B4E075447F99}" destId="{D57941CB-0D2E-B84D-9A97-A451FE485781}" srcOrd="0" destOrd="0" presId="urn:microsoft.com/office/officeart/2005/8/layout/cycle1"/>
    <dgm:cxn modelId="{FCCD5019-D0A0-5843-80B3-98AA338E803F}" type="presParOf" srcId="{E71C3F27-03B3-024E-854E-AF34FC90B0FA}" destId="{158F7483-3525-D846-BA93-24FEEE25DA76}" srcOrd="0" destOrd="0" presId="urn:microsoft.com/office/officeart/2005/8/layout/cycle1"/>
    <dgm:cxn modelId="{584B19D6-C631-994A-AE29-789F1B99D7FA}" type="presParOf" srcId="{E71C3F27-03B3-024E-854E-AF34FC90B0FA}" destId="{228315DD-CC1D-404D-AB33-2623BAC42C3F}" srcOrd="1" destOrd="0" presId="urn:microsoft.com/office/officeart/2005/8/layout/cycle1"/>
    <dgm:cxn modelId="{A81948EC-BD1E-E749-8774-64E8DD10D872}" type="presParOf" srcId="{E71C3F27-03B3-024E-854E-AF34FC90B0FA}" destId="{D2602FE6-6E93-8048-B273-6F19DDB8C9D7}" srcOrd="2" destOrd="0" presId="urn:microsoft.com/office/officeart/2005/8/layout/cycle1"/>
    <dgm:cxn modelId="{0275A34E-9848-E543-B99D-C09106C04FDA}" type="presParOf" srcId="{E71C3F27-03B3-024E-854E-AF34FC90B0FA}" destId="{6237C15B-2A53-B14C-A7AF-FCD4001095F7}" srcOrd="3" destOrd="0" presId="urn:microsoft.com/office/officeart/2005/8/layout/cycle1"/>
    <dgm:cxn modelId="{0A524A7D-DE58-324E-AFC5-088EDDD6D528}" type="presParOf" srcId="{E71C3F27-03B3-024E-854E-AF34FC90B0FA}" destId="{C738E86D-A8D6-5640-91D0-A12DC9B0D723}" srcOrd="4" destOrd="0" presId="urn:microsoft.com/office/officeart/2005/8/layout/cycle1"/>
    <dgm:cxn modelId="{D1B94FE8-F8D9-5A42-95A3-1DC799D08A3A}" type="presParOf" srcId="{E71C3F27-03B3-024E-854E-AF34FC90B0FA}" destId="{D57941CB-0D2E-B84D-9A97-A451FE485781}" srcOrd="5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53AA87F-FD2D-2447-8F13-264321D15B54}">
      <dsp:nvSpPr>
        <dsp:cNvPr id="0" name=""/>
        <dsp:cNvSpPr/>
      </dsp:nvSpPr>
      <dsp:spPr>
        <a:xfrm>
          <a:off x="-5566526" y="-852206"/>
          <a:ext cx="6627708" cy="6627708"/>
        </a:xfrm>
        <a:prstGeom prst="blockArc">
          <a:avLst>
            <a:gd name="adj1" fmla="val 18900000"/>
            <a:gd name="adj2" fmla="val 2700000"/>
            <a:gd name="adj3" fmla="val 326"/>
          </a:avLst>
        </a:prstGeom>
        <a:noFill/>
        <a:ln w="127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F77CEE8-7732-144B-843F-5FB48C77EBB4}">
      <dsp:nvSpPr>
        <dsp:cNvPr id="0" name=""/>
        <dsp:cNvSpPr/>
      </dsp:nvSpPr>
      <dsp:spPr>
        <a:xfrm>
          <a:off x="395508" y="259260"/>
          <a:ext cx="11724558" cy="518324"/>
        </a:xfrm>
        <a:prstGeom prst="rect">
          <a:avLst/>
        </a:prstGeom>
        <a:solidFill>
          <a:schemeClr val="accent1">
            <a:shade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/>
            <a:t>Background</a:t>
          </a:r>
          <a:endParaRPr lang="en-US" sz="2800" kern="1200"/>
        </a:p>
      </dsp:txBody>
      <dsp:txXfrm>
        <a:off x="395508" y="259260"/>
        <a:ext cx="11724558" cy="518324"/>
      </dsp:txXfrm>
    </dsp:sp>
    <dsp:sp modelId="{59E02E46-08CD-1843-9D8B-B7C0849FCE05}">
      <dsp:nvSpPr>
        <dsp:cNvPr id="0" name=""/>
        <dsp:cNvSpPr/>
      </dsp:nvSpPr>
      <dsp:spPr>
        <a:xfrm>
          <a:off x="71555" y="194470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9D6CF75-B210-8B46-B119-CD0F99E1A80D}">
      <dsp:nvSpPr>
        <dsp:cNvPr id="0" name=""/>
        <dsp:cNvSpPr/>
      </dsp:nvSpPr>
      <dsp:spPr>
        <a:xfrm>
          <a:off x="821865" y="1036648"/>
          <a:ext cx="11298200" cy="518324"/>
        </a:xfrm>
        <a:prstGeom prst="rect">
          <a:avLst/>
        </a:prstGeom>
        <a:solidFill>
          <a:schemeClr val="accent1">
            <a:shade val="50000"/>
            <a:hueOff val="209722"/>
            <a:satOff val="-11506"/>
            <a:lumOff val="1653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/>
            <a:t>FHIR Resources</a:t>
          </a:r>
          <a:endParaRPr lang="en-US" sz="2800" kern="1200"/>
        </a:p>
      </dsp:txBody>
      <dsp:txXfrm>
        <a:off x="821865" y="1036648"/>
        <a:ext cx="11298200" cy="518324"/>
      </dsp:txXfrm>
    </dsp:sp>
    <dsp:sp modelId="{4EB62FB5-7A7F-AE4A-99AF-95871F45C603}">
      <dsp:nvSpPr>
        <dsp:cNvPr id="0" name=""/>
        <dsp:cNvSpPr/>
      </dsp:nvSpPr>
      <dsp:spPr>
        <a:xfrm>
          <a:off x="497913" y="971858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209722"/>
              <a:satOff val="-11506"/>
              <a:lumOff val="16532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F6CF79-D446-904C-8984-21DA2852EAEC}">
      <dsp:nvSpPr>
        <dsp:cNvPr id="0" name=""/>
        <dsp:cNvSpPr/>
      </dsp:nvSpPr>
      <dsp:spPr>
        <a:xfrm>
          <a:off x="1016828" y="1814037"/>
          <a:ext cx="11103238" cy="518324"/>
        </a:xfrm>
        <a:prstGeom prst="rect">
          <a:avLst/>
        </a:prstGeom>
        <a:solidFill>
          <a:schemeClr val="accent1">
            <a:shade val="50000"/>
            <a:hueOff val="419445"/>
            <a:satOff val="-23013"/>
            <a:lumOff val="3306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/>
            <a:t>Prerequisites</a:t>
          </a:r>
          <a:endParaRPr lang="en-US" sz="2800" kern="1200"/>
        </a:p>
      </dsp:txBody>
      <dsp:txXfrm>
        <a:off x="1016828" y="1814037"/>
        <a:ext cx="11103238" cy="518324"/>
      </dsp:txXfrm>
    </dsp:sp>
    <dsp:sp modelId="{EC8C8848-8BE1-1949-83C7-5EC7DE74F862}">
      <dsp:nvSpPr>
        <dsp:cNvPr id="0" name=""/>
        <dsp:cNvSpPr/>
      </dsp:nvSpPr>
      <dsp:spPr>
        <a:xfrm>
          <a:off x="692875" y="1749246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419445"/>
              <a:satOff val="-23013"/>
              <a:lumOff val="3306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6A8DEB7-A1F8-CA45-8344-CB709B366442}">
      <dsp:nvSpPr>
        <dsp:cNvPr id="0" name=""/>
        <dsp:cNvSpPr/>
      </dsp:nvSpPr>
      <dsp:spPr>
        <a:xfrm>
          <a:off x="1016828" y="2590933"/>
          <a:ext cx="11103238" cy="518324"/>
        </a:xfrm>
        <a:prstGeom prst="rect">
          <a:avLst/>
        </a:prstGeom>
        <a:solidFill>
          <a:schemeClr val="accent1">
            <a:shade val="50000"/>
            <a:hueOff val="629167"/>
            <a:satOff val="-34519"/>
            <a:lumOff val="4959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/>
            <a:t>Roadmap</a:t>
          </a:r>
          <a:endParaRPr lang="en-US" sz="2800" kern="1200"/>
        </a:p>
      </dsp:txBody>
      <dsp:txXfrm>
        <a:off x="1016828" y="2590933"/>
        <a:ext cx="11103238" cy="518324"/>
      </dsp:txXfrm>
    </dsp:sp>
    <dsp:sp modelId="{2FB36916-C9CF-004D-8AB9-36DFDAB8E8C9}">
      <dsp:nvSpPr>
        <dsp:cNvPr id="0" name=""/>
        <dsp:cNvSpPr/>
      </dsp:nvSpPr>
      <dsp:spPr>
        <a:xfrm>
          <a:off x="692875" y="2526142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629167"/>
              <a:satOff val="-34519"/>
              <a:lumOff val="49595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CB6FB5-FA39-4041-8270-77A40BA7A664}">
      <dsp:nvSpPr>
        <dsp:cNvPr id="0" name=""/>
        <dsp:cNvSpPr/>
      </dsp:nvSpPr>
      <dsp:spPr>
        <a:xfrm>
          <a:off x="821865" y="3368321"/>
          <a:ext cx="11298200" cy="518324"/>
        </a:xfrm>
        <a:prstGeom prst="rect">
          <a:avLst/>
        </a:prstGeom>
        <a:solidFill>
          <a:schemeClr val="accent1">
            <a:shade val="50000"/>
            <a:hueOff val="419445"/>
            <a:satOff val="-23013"/>
            <a:lumOff val="3306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 dirty="0"/>
            <a:t>Validation</a:t>
          </a:r>
          <a:endParaRPr lang="en-US" sz="2800" kern="1200" dirty="0"/>
        </a:p>
      </dsp:txBody>
      <dsp:txXfrm>
        <a:off x="821865" y="3368321"/>
        <a:ext cx="11298200" cy="518324"/>
      </dsp:txXfrm>
    </dsp:sp>
    <dsp:sp modelId="{6984E8A0-B86F-BC41-AC5D-6B80639235C6}">
      <dsp:nvSpPr>
        <dsp:cNvPr id="0" name=""/>
        <dsp:cNvSpPr/>
      </dsp:nvSpPr>
      <dsp:spPr>
        <a:xfrm>
          <a:off x="497913" y="3303530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419445"/>
              <a:satOff val="-23013"/>
              <a:lumOff val="3306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061DA64-3BE1-D149-B263-4B2CAD8DCBDE}">
      <dsp:nvSpPr>
        <dsp:cNvPr id="0" name=""/>
        <dsp:cNvSpPr/>
      </dsp:nvSpPr>
      <dsp:spPr>
        <a:xfrm>
          <a:off x="395508" y="4145709"/>
          <a:ext cx="11724558" cy="518324"/>
        </a:xfrm>
        <a:prstGeom prst="rect">
          <a:avLst/>
        </a:prstGeom>
        <a:solidFill>
          <a:schemeClr val="accent1">
            <a:shade val="50000"/>
            <a:hueOff val="209722"/>
            <a:satOff val="-11506"/>
            <a:lumOff val="1653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1420" tIns="71120" rIns="71120" bIns="7112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i="0" kern="1200" dirty="0"/>
            <a:t>References</a:t>
          </a:r>
          <a:endParaRPr lang="en-US" sz="2800" kern="1200" dirty="0"/>
        </a:p>
      </dsp:txBody>
      <dsp:txXfrm>
        <a:off x="395508" y="4145709"/>
        <a:ext cx="11724558" cy="518324"/>
      </dsp:txXfrm>
    </dsp:sp>
    <dsp:sp modelId="{041A5ACE-749A-2A42-9FB5-7611C8FBF250}">
      <dsp:nvSpPr>
        <dsp:cNvPr id="0" name=""/>
        <dsp:cNvSpPr/>
      </dsp:nvSpPr>
      <dsp:spPr>
        <a:xfrm>
          <a:off x="71555" y="4080919"/>
          <a:ext cx="647905" cy="647905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shade val="50000"/>
              <a:hueOff val="209722"/>
              <a:satOff val="-11506"/>
              <a:lumOff val="16532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DB20B1D-DD2D-324E-8C37-676F1B2B3264}">
      <dsp:nvSpPr>
        <dsp:cNvPr id="0" name=""/>
        <dsp:cNvSpPr/>
      </dsp:nvSpPr>
      <dsp:spPr>
        <a:xfrm>
          <a:off x="0" y="15025"/>
          <a:ext cx="6824385" cy="1182285"/>
        </a:xfrm>
        <a:prstGeom prst="roundRect">
          <a:avLst/>
        </a:prstGeom>
        <a:solidFill>
          <a:schemeClr val="accent1">
            <a:shade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i="0" kern="1200" baseline="0" dirty="0"/>
            <a:t>Certification Updates</a:t>
          </a:r>
        </a:p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i="0" kern="1200" baseline="0" dirty="0"/>
            <a:t>“2015 CEHRT Cures Updates”</a:t>
          </a:r>
        </a:p>
      </dsp:txBody>
      <dsp:txXfrm>
        <a:off x="57714" y="72739"/>
        <a:ext cx="6708957" cy="1066857"/>
      </dsp:txXfrm>
    </dsp:sp>
    <dsp:sp modelId="{6B57F92F-839A-8948-A239-FD6DAC100364}">
      <dsp:nvSpPr>
        <dsp:cNvPr id="0" name=""/>
        <dsp:cNvSpPr/>
      </dsp:nvSpPr>
      <dsp:spPr>
        <a:xfrm>
          <a:off x="0" y="1197310"/>
          <a:ext cx="6824385" cy="87561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16674" tIns="22860" rIns="128016" bIns="22860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800" b="1" i="0" kern="1200" baseline="0" dirty="0"/>
            <a:t>New Certification Criteria</a:t>
          </a: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800" b="1" i="0" kern="1200" baseline="0" dirty="0"/>
            <a:t>Revised Certification Criteria</a:t>
          </a: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800" b="1" i="0" kern="1200" baseline="0" dirty="0">
              <a:solidFill>
                <a:schemeClr val="bg1">
                  <a:lumMod val="65000"/>
                </a:schemeClr>
              </a:solidFill>
            </a:rPr>
            <a:t>Removed and Time-Limited Certification Criteria*</a:t>
          </a:r>
        </a:p>
      </dsp:txBody>
      <dsp:txXfrm>
        <a:off x="0" y="1197310"/>
        <a:ext cx="6824385" cy="875610"/>
      </dsp:txXfrm>
    </dsp:sp>
    <dsp:sp modelId="{827927B4-AC20-6B4A-BE33-072C47E31D16}">
      <dsp:nvSpPr>
        <dsp:cNvPr id="0" name=""/>
        <dsp:cNvSpPr/>
      </dsp:nvSpPr>
      <dsp:spPr>
        <a:xfrm>
          <a:off x="0" y="2072920"/>
          <a:ext cx="6824385" cy="1182285"/>
        </a:xfrm>
        <a:prstGeom prst="roundRect">
          <a:avLst/>
        </a:prstGeom>
        <a:solidFill>
          <a:schemeClr val="bg1">
            <a:lumMod val="6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i="0" kern="1200" baseline="0" dirty="0"/>
            <a:t>Information Blocking*</a:t>
          </a:r>
          <a:endParaRPr lang="en-US" sz="3200" b="1" kern="1200" dirty="0"/>
        </a:p>
      </dsp:txBody>
      <dsp:txXfrm>
        <a:off x="57714" y="2130634"/>
        <a:ext cx="6708957" cy="1066857"/>
      </dsp:txXfrm>
    </dsp:sp>
    <dsp:sp modelId="{E2D79A33-BBB2-304E-BBFD-7B2830E19B56}">
      <dsp:nvSpPr>
        <dsp:cNvPr id="0" name=""/>
        <dsp:cNvSpPr/>
      </dsp:nvSpPr>
      <dsp:spPr>
        <a:xfrm>
          <a:off x="0" y="3390565"/>
          <a:ext cx="6824385" cy="1182285"/>
        </a:xfrm>
        <a:prstGeom prst="roundRect">
          <a:avLst/>
        </a:prstGeom>
        <a:solidFill>
          <a:schemeClr val="accent1">
            <a:shade val="50000"/>
            <a:hueOff val="419445"/>
            <a:satOff val="-23013"/>
            <a:lumOff val="3306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Patient Access</a:t>
          </a:r>
        </a:p>
      </dsp:txBody>
      <dsp:txXfrm>
        <a:off x="57714" y="3448279"/>
        <a:ext cx="6708957" cy="106685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4B3B412-19E3-FC42-A7A6-B4FA677013BC}">
      <dsp:nvSpPr>
        <dsp:cNvPr id="0" name=""/>
        <dsp:cNvSpPr/>
      </dsp:nvSpPr>
      <dsp:spPr>
        <a:xfrm>
          <a:off x="0" y="37499"/>
          <a:ext cx="6838147" cy="1053000"/>
        </a:xfrm>
        <a:prstGeom prst="roundRect">
          <a:avLst/>
        </a:prstGeom>
        <a:solidFill>
          <a:schemeClr val="accent1">
            <a:shade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i="0" kern="1200" baseline="0" dirty="0"/>
            <a:t>New Certification Criteria</a:t>
          </a:r>
        </a:p>
      </dsp:txBody>
      <dsp:txXfrm>
        <a:off x="51403" y="88902"/>
        <a:ext cx="6735341" cy="950194"/>
      </dsp:txXfrm>
    </dsp:sp>
    <dsp:sp modelId="{9F549ACE-0C27-8849-835C-DCF04B89E4CB}">
      <dsp:nvSpPr>
        <dsp:cNvPr id="0" name=""/>
        <dsp:cNvSpPr/>
      </dsp:nvSpPr>
      <dsp:spPr>
        <a:xfrm>
          <a:off x="0" y="1090499"/>
          <a:ext cx="6838147" cy="7452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17111" tIns="20320" rIns="113792" bIns="20320" numCol="1" spcCol="1270" anchor="t" anchorCtr="0">
          <a:noAutofit/>
        </a:bodyPr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§ 170.315(b)(10) Electronic Health Information (EHI) Export*</a:t>
          </a:r>
          <a:endParaRPr lang="en-US" sz="1800" b="1" i="0" baseline="0" dirty="0">
            <a:solidFill>
              <a:schemeClr val="bg1">
                <a:lumMod val="65000"/>
              </a:schemeClr>
            </a:solidFill>
          </a:endParaRPr>
        </a:p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550" b="0" i="0" kern="1200" dirty="0">
              <a:latin typeface="Arial" panose="020B0604020202020204"/>
              <a:ea typeface="+mn-ea"/>
              <a:cs typeface="+mn-cs"/>
            </a:rPr>
            <a:t>§ 170.315(g)(10) Standardized API for Patient and Population Services</a:t>
          </a:r>
          <a:endParaRPr lang="en-US" sz="1800" b="1" i="0" baseline="0" dirty="0"/>
        </a:p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Two new privacy and security certification criteria*</a:t>
          </a:r>
          <a:endParaRPr lang="en-US" sz="1800" b="1" i="0" baseline="0" dirty="0">
            <a:solidFill>
              <a:schemeClr val="bg1">
                <a:lumMod val="65000"/>
              </a:schemeClr>
            </a:solidFill>
          </a:endParaRPr>
        </a:p>
      </dsp:txBody>
      <dsp:txXfrm>
        <a:off x="0" y="1090499"/>
        <a:ext cx="6838147" cy="745200"/>
      </dsp:txXfrm>
    </dsp:sp>
    <dsp:sp modelId="{2B30B1D7-3AE0-2D49-878F-E716BBA1174C}">
      <dsp:nvSpPr>
        <dsp:cNvPr id="0" name=""/>
        <dsp:cNvSpPr/>
      </dsp:nvSpPr>
      <dsp:spPr>
        <a:xfrm>
          <a:off x="0" y="1835699"/>
          <a:ext cx="6838147" cy="1053000"/>
        </a:xfrm>
        <a:prstGeom prst="roundRect">
          <a:avLst/>
        </a:prstGeom>
        <a:solidFill>
          <a:schemeClr val="accent1">
            <a:shade val="50000"/>
            <a:hueOff val="419445"/>
            <a:satOff val="-23013"/>
            <a:lumOff val="3306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None/>
          </a:pPr>
          <a:r>
            <a:rPr lang="en-US" sz="2800" b="1" i="0" kern="1200" baseline="0" dirty="0">
              <a:latin typeface="Arial" panose="020B0604020202020204"/>
              <a:ea typeface="+mn-ea"/>
              <a:cs typeface="+mn-cs"/>
            </a:rPr>
            <a:t>Revised Certification Criteria</a:t>
          </a:r>
        </a:p>
      </dsp:txBody>
      <dsp:txXfrm>
        <a:off x="51403" y="1887102"/>
        <a:ext cx="6735341" cy="950194"/>
      </dsp:txXfrm>
    </dsp:sp>
    <dsp:sp modelId="{7ACE64EB-F172-9845-B3BB-6781078D2B12}">
      <dsp:nvSpPr>
        <dsp:cNvPr id="0" name=""/>
        <dsp:cNvSpPr/>
      </dsp:nvSpPr>
      <dsp:spPr>
        <a:xfrm>
          <a:off x="0" y="2888699"/>
          <a:ext cx="6838147" cy="7452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17111" tIns="20320" rIns="113792" bIns="20320" numCol="1" spcCol="1270" anchor="t" anchorCtr="0">
          <a:noAutofit/>
        </a:bodyPr>
        <a:lstStyle/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550" b="0" i="0" kern="1200" dirty="0">
              <a:solidFill>
                <a:schemeClr val="bg1">
                  <a:lumMod val="65000"/>
                </a:schemeClr>
              </a:solidFill>
              <a:latin typeface="Arial" panose="020B0604020202020204"/>
              <a:ea typeface="+mn-ea"/>
              <a:cs typeface="+mn-cs"/>
            </a:rPr>
            <a:t>Standards Revision*</a:t>
          </a:r>
        </a:p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550" b="0" i="0" kern="1200" dirty="0">
              <a:latin typeface="Arial" panose="020B0604020202020204"/>
              <a:ea typeface="+mn-ea"/>
              <a:cs typeface="+mn-cs"/>
            </a:rPr>
            <a:t>USCDI Updates</a:t>
          </a:r>
        </a:p>
      </dsp:txBody>
      <dsp:txXfrm>
        <a:off x="0" y="2888699"/>
        <a:ext cx="6838147" cy="745200"/>
      </dsp:txXfrm>
    </dsp:sp>
    <dsp:sp modelId="{FA3A658F-E0F4-4344-8A24-CB5D616C13C7}">
      <dsp:nvSpPr>
        <dsp:cNvPr id="0" name=""/>
        <dsp:cNvSpPr/>
      </dsp:nvSpPr>
      <dsp:spPr>
        <a:xfrm>
          <a:off x="0" y="3376589"/>
          <a:ext cx="6838147" cy="1053000"/>
        </a:xfrm>
        <a:prstGeom prst="roundRect">
          <a:avLst/>
        </a:prstGeom>
        <a:solidFill>
          <a:schemeClr val="bg1">
            <a:lumMod val="6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None/>
          </a:pPr>
          <a:r>
            <a:rPr lang="en-US" sz="2800" b="1" i="0" kern="1200" baseline="0" dirty="0">
              <a:latin typeface="Arial" panose="020B0604020202020204"/>
              <a:ea typeface="+mn-ea"/>
              <a:cs typeface="+mn-cs"/>
            </a:rPr>
            <a:t>Removed and Time-Limited Certification Criteria*</a:t>
          </a:r>
        </a:p>
      </dsp:txBody>
      <dsp:txXfrm>
        <a:off x="51403" y="3427992"/>
        <a:ext cx="6735341" cy="95019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DB20B1D-DD2D-324E-8C37-676F1B2B3264}">
      <dsp:nvSpPr>
        <dsp:cNvPr id="0" name=""/>
        <dsp:cNvSpPr/>
      </dsp:nvSpPr>
      <dsp:spPr>
        <a:xfrm>
          <a:off x="0" y="25937"/>
          <a:ext cx="6824385" cy="112320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1" kern="1200" dirty="0"/>
            <a:t>Patient’s Ease of Access to Their Chart</a:t>
          </a:r>
        </a:p>
      </dsp:txBody>
      <dsp:txXfrm>
        <a:off x="54830" y="80767"/>
        <a:ext cx="6714725" cy="1013540"/>
      </dsp:txXfrm>
    </dsp:sp>
    <dsp:sp modelId="{EE2FEB80-CCEA-9A47-84CA-F5AD2408B9E9}">
      <dsp:nvSpPr>
        <dsp:cNvPr id="0" name=""/>
        <dsp:cNvSpPr/>
      </dsp:nvSpPr>
      <dsp:spPr>
        <a:xfrm>
          <a:off x="0" y="1149137"/>
          <a:ext cx="6824385" cy="9936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16674" tIns="22860" rIns="128016" bIns="22860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800" b="1" i="0" kern="1200" baseline="0" dirty="0"/>
            <a:t>Smartphones</a:t>
          </a: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800" b="1" i="0" kern="1200" baseline="0" dirty="0"/>
            <a:t>Modern Software Apps</a:t>
          </a:r>
        </a:p>
      </dsp:txBody>
      <dsp:txXfrm>
        <a:off x="0" y="1149137"/>
        <a:ext cx="6824385" cy="993600"/>
      </dsp:txXfrm>
    </dsp:sp>
    <dsp:sp modelId="{95872AE2-F45A-A647-A099-3340505C386C}">
      <dsp:nvSpPr>
        <dsp:cNvPr id="0" name=""/>
        <dsp:cNvSpPr/>
      </dsp:nvSpPr>
      <dsp:spPr>
        <a:xfrm>
          <a:off x="0" y="1765503"/>
          <a:ext cx="6824385" cy="1123200"/>
        </a:xfrm>
        <a:prstGeom prst="roundRect">
          <a:avLst/>
        </a:prstGeom>
        <a:solidFill>
          <a:schemeClr val="bg1">
            <a:lumMod val="6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1" i="0" kern="1200" baseline="0" dirty="0">
              <a:solidFill>
                <a:schemeClr val="bg1"/>
              </a:solidFill>
            </a:rPr>
            <a:t>Protecting Patient Privacy and Security*</a:t>
          </a:r>
        </a:p>
      </dsp:txBody>
      <dsp:txXfrm>
        <a:off x="54830" y="1820333"/>
        <a:ext cx="6714725" cy="1013540"/>
      </dsp:txXfrm>
    </dsp:sp>
    <dsp:sp modelId="{A17243E4-4979-E542-AAC2-40961AD409EC}">
      <dsp:nvSpPr>
        <dsp:cNvPr id="0" name=""/>
        <dsp:cNvSpPr/>
      </dsp:nvSpPr>
      <dsp:spPr>
        <a:xfrm>
          <a:off x="0" y="3059908"/>
          <a:ext cx="6824385" cy="1123200"/>
        </a:xfrm>
        <a:prstGeom prst="roundRect">
          <a:avLst/>
        </a:prstGeom>
        <a:solidFill>
          <a:schemeClr val="bg1">
            <a:lumMod val="6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b="1" i="0" kern="1200" baseline="0" dirty="0">
              <a:solidFill>
                <a:schemeClr val="bg1"/>
              </a:solidFill>
            </a:rPr>
            <a:t>Providing the Ability to Shop for Care and Manage Costs*</a:t>
          </a:r>
        </a:p>
      </dsp:txBody>
      <dsp:txXfrm>
        <a:off x="54830" y="3114738"/>
        <a:ext cx="6714725" cy="1013540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9279B65-71B8-3A48-B7A6-D560FB5B60F2}">
      <dsp:nvSpPr>
        <dsp:cNvPr id="0" name=""/>
        <dsp:cNvSpPr/>
      </dsp:nvSpPr>
      <dsp:spPr>
        <a:xfrm>
          <a:off x="948019" y="0"/>
          <a:ext cx="5417256" cy="5417256"/>
        </a:xfrm>
        <a:prstGeom prst="triangl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06431D58-8C28-9B4B-BD52-9E63D064773C}">
      <dsp:nvSpPr>
        <dsp:cNvPr id="0" name=""/>
        <dsp:cNvSpPr/>
      </dsp:nvSpPr>
      <dsp:spPr>
        <a:xfrm>
          <a:off x="3656647" y="544635"/>
          <a:ext cx="3521216" cy="1282366"/>
        </a:xfrm>
        <a:prstGeom prst="round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09550" tIns="209550" rIns="209550" bIns="209550" numCol="1" spcCol="1270" anchor="ctr" anchorCtr="0">
          <a:noAutofit/>
        </a:bodyPr>
        <a:lstStyle/>
        <a:p>
          <a:pPr marL="0" lvl="0" indent="0" algn="ctr" defTabSz="2444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500" kern="1200" dirty="0"/>
            <a:t> </a:t>
          </a:r>
        </a:p>
      </dsp:txBody>
      <dsp:txXfrm>
        <a:off x="3719247" y="607235"/>
        <a:ext cx="3396016" cy="1157166"/>
      </dsp:txXfrm>
    </dsp:sp>
    <dsp:sp modelId="{861E1A96-33B5-B347-B1E3-C2D237DDA37A}">
      <dsp:nvSpPr>
        <dsp:cNvPr id="0" name=""/>
        <dsp:cNvSpPr/>
      </dsp:nvSpPr>
      <dsp:spPr>
        <a:xfrm>
          <a:off x="3656647" y="1987297"/>
          <a:ext cx="3521216" cy="1282366"/>
        </a:xfrm>
        <a:prstGeom prst="round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3666071"/>
              <a:satOff val="-30674"/>
              <a:lumOff val="-1569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09550" tIns="209550" rIns="209550" bIns="209550" numCol="1" spcCol="1270" anchor="ctr" anchorCtr="0">
          <a:noAutofit/>
        </a:bodyPr>
        <a:lstStyle/>
        <a:p>
          <a:pPr marL="0" lvl="0" indent="0" algn="ctr" defTabSz="2444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500" kern="1200" dirty="0"/>
            <a:t> </a:t>
          </a:r>
        </a:p>
      </dsp:txBody>
      <dsp:txXfrm>
        <a:off x="3719247" y="2049897"/>
        <a:ext cx="3396016" cy="1157166"/>
      </dsp:txXfrm>
    </dsp:sp>
    <dsp:sp modelId="{B4980517-9F2B-B249-846E-6E3B6FC69504}">
      <dsp:nvSpPr>
        <dsp:cNvPr id="0" name=""/>
        <dsp:cNvSpPr/>
      </dsp:nvSpPr>
      <dsp:spPr>
        <a:xfrm>
          <a:off x="3656647" y="3429958"/>
          <a:ext cx="3521216" cy="1282366"/>
        </a:xfrm>
        <a:prstGeom prst="round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7332141"/>
              <a:satOff val="-61348"/>
              <a:lumOff val="-3137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09550" tIns="209550" rIns="209550" bIns="209550" numCol="1" spcCol="1270" anchor="ctr" anchorCtr="0">
          <a:noAutofit/>
        </a:bodyPr>
        <a:lstStyle/>
        <a:p>
          <a:pPr marL="0" lvl="0" indent="0" algn="ctr" defTabSz="2444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5500" kern="1200" dirty="0"/>
            <a:t> </a:t>
          </a:r>
        </a:p>
      </dsp:txBody>
      <dsp:txXfrm>
        <a:off x="3719247" y="3492558"/>
        <a:ext cx="3396016" cy="1157166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4B3B412-19E3-FC42-A7A6-B4FA677013BC}">
      <dsp:nvSpPr>
        <dsp:cNvPr id="0" name=""/>
        <dsp:cNvSpPr/>
      </dsp:nvSpPr>
      <dsp:spPr>
        <a:xfrm>
          <a:off x="0" y="0"/>
          <a:ext cx="3656936" cy="421200"/>
        </a:xfrm>
        <a:prstGeom prst="roundRect">
          <a:avLst/>
        </a:prstGeom>
        <a:solidFill>
          <a:schemeClr val="accent1">
            <a:shade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i="0" kern="1200" baseline="0" dirty="0"/>
            <a:t>New Certification Criteria</a:t>
          </a:r>
        </a:p>
      </dsp:txBody>
      <dsp:txXfrm>
        <a:off x="20561" y="20561"/>
        <a:ext cx="3615814" cy="380078"/>
      </dsp:txXfrm>
    </dsp:sp>
    <dsp:sp modelId="{9F549ACE-0C27-8849-835C-DCF04B89E4CB}">
      <dsp:nvSpPr>
        <dsp:cNvPr id="0" name=""/>
        <dsp:cNvSpPr/>
      </dsp:nvSpPr>
      <dsp:spPr>
        <a:xfrm>
          <a:off x="0" y="427156"/>
          <a:ext cx="3656936" cy="2649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6108" tIns="17780" rIns="99568" bIns="17780" numCol="1" spcCol="1270" anchor="t" anchorCtr="0">
          <a:noAutofit/>
        </a:bodyPr>
        <a:lstStyle/>
        <a:p>
          <a:pPr marL="228600" lvl="2" indent="0" algn="l" defTabSz="688975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400" b="0" i="0" kern="1200" dirty="0">
              <a:latin typeface="Arial" panose="020B0604020202020204"/>
              <a:ea typeface="+mn-ea"/>
              <a:cs typeface="+mn-cs"/>
            </a:rPr>
            <a:t>Standardized API for Patient Services</a:t>
          </a:r>
          <a:endParaRPr lang="en-US" sz="1600" b="1" i="0" baseline="0" dirty="0"/>
        </a:p>
      </dsp:txBody>
      <dsp:txXfrm>
        <a:off x="0" y="427156"/>
        <a:ext cx="3656936" cy="264960"/>
      </dsp:txXfrm>
    </dsp:sp>
    <dsp:sp modelId="{2B30B1D7-3AE0-2D49-878F-E716BBA1174C}">
      <dsp:nvSpPr>
        <dsp:cNvPr id="0" name=""/>
        <dsp:cNvSpPr/>
      </dsp:nvSpPr>
      <dsp:spPr>
        <a:xfrm>
          <a:off x="0" y="692116"/>
          <a:ext cx="3656936" cy="421200"/>
        </a:xfrm>
        <a:prstGeom prst="roundRect">
          <a:avLst/>
        </a:prstGeom>
        <a:solidFill>
          <a:schemeClr val="accent1">
            <a:shade val="50000"/>
            <a:hueOff val="629167"/>
            <a:satOff val="-34519"/>
            <a:lumOff val="4959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171450" lvl="1" indent="0" algn="ctr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None/>
          </a:pPr>
          <a:r>
            <a:rPr lang="en-US" sz="1800" b="1" i="0" kern="1200" baseline="0" dirty="0">
              <a:latin typeface="Arial" panose="020B0604020202020204"/>
              <a:ea typeface="+mn-ea"/>
              <a:cs typeface="+mn-cs"/>
            </a:rPr>
            <a:t>Revised Certification Criteria</a:t>
          </a:r>
        </a:p>
      </dsp:txBody>
      <dsp:txXfrm>
        <a:off x="20561" y="712677"/>
        <a:ext cx="3615814" cy="380078"/>
      </dsp:txXfrm>
    </dsp:sp>
    <dsp:sp modelId="{7ACE64EB-F172-9845-B3BB-6781078D2B12}">
      <dsp:nvSpPr>
        <dsp:cNvPr id="0" name=""/>
        <dsp:cNvSpPr/>
      </dsp:nvSpPr>
      <dsp:spPr>
        <a:xfrm>
          <a:off x="0" y="1113316"/>
          <a:ext cx="3656936" cy="2649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6108" tIns="17780" rIns="99568" bIns="17780" numCol="1" spcCol="1270" anchor="t" anchorCtr="0">
          <a:noAutofit/>
        </a:bodyPr>
        <a:lstStyle/>
        <a:p>
          <a:pPr marL="171450" lvl="1" indent="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en-US" sz="1400" b="0" i="0" kern="1200" dirty="0">
              <a:latin typeface="Arial" panose="020B0604020202020204"/>
              <a:ea typeface="+mn-ea"/>
              <a:cs typeface="+mn-cs"/>
            </a:rPr>
            <a:t>USCDI Updates</a:t>
          </a:r>
        </a:p>
      </dsp:txBody>
      <dsp:txXfrm>
        <a:off x="0" y="1113316"/>
        <a:ext cx="3656936" cy="264960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36291-36DB-764A-884F-FE768AF5E900}">
      <dsp:nvSpPr>
        <dsp:cNvPr id="0" name=""/>
        <dsp:cNvSpPr/>
      </dsp:nvSpPr>
      <dsp:spPr>
        <a:xfrm>
          <a:off x="1872338" y="220076"/>
          <a:ext cx="4367662" cy="1516831"/>
        </a:xfrm>
        <a:prstGeom prst="ellipse">
          <a:avLst/>
        </a:prstGeom>
        <a:solidFill>
          <a:schemeClr val="accent1">
            <a:tint val="50000"/>
            <a:alpha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matte"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99F22A-337E-794D-9A9A-304747CF38CF}">
      <dsp:nvSpPr>
        <dsp:cNvPr id="0" name=""/>
        <dsp:cNvSpPr/>
      </dsp:nvSpPr>
      <dsp:spPr>
        <a:xfrm>
          <a:off x="3639718" y="3934282"/>
          <a:ext cx="846446" cy="541725"/>
        </a:xfrm>
        <a:prstGeom prst="down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E9E0FAC1-2792-BC44-BDF1-6AEE7E6BFEB2}">
      <dsp:nvSpPr>
        <dsp:cNvPr id="0" name=""/>
        <dsp:cNvSpPr/>
      </dsp:nvSpPr>
      <dsp:spPr>
        <a:xfrm>
          <a:off x="2031470" y="4367662"/>
          <a:ext cx="4062942" cy="10157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808" tIns="241808" rIns="241808" bIns="241808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400" i="1" kern="1200" dirty="0"/>
            <a:t>Cerner Ignite APIs</a:t>
          </a:r>
        </a:p>
      </dsp:txBody>
      <dsp:txXfrm>
        <a:off x="2031470" y="4367662"/>
        <a:ext cx="4062942" cy="1015735"/>
      </dsp:txXfrm>
    </dsp:sp>
    <dsp:sp modelId="{2CA08658-D328-C542-BF1E-7B3C2B39FB89}">
      <dsp:nvSpPr>
        <dsp:cNvPr id="0" name=""/>
        <dsp:cNvSpPr/>
      </dsp:nvSpPr>
      <dsp:spPr>
        <a:xfrm>
          <a:off x="3460271" y="1854055"/>
          <a:ext cx="1523603" cy="1523603"/>
        </a:xfrm>
        <a:prstGeom prst="ellips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2550" tIns="82550" rIns="82550" bIns="825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6500" kern="1200"/>
        </a:p>
      </dsp:txBody>
      <dsp:txXfrm>
        <a:off x="3683397" y="2077181"/>
        <a:ext cx="1077351" cy="1077351"/>
      </dsp:txXfrm>
    </dsp:sp>
    <dsp:sp modelId="{6EF664CF-908C-444A-A641-88F8C9A2FD09}">
      <dsp:nvSpPr>
        <dsp:cNvPr id="0" name=""/>
        <dsp:cNvSpPr/>
      </dsp:nvSpPr>
      <dsp:spPr>
        <a:xfrm>
          <a:off x="2370048" y="711014"/>
          <a:ext cx="1523603" cy="1523603"/>
        </a:xfrm>
        <a:prstGeom prst="ellips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2550" tIns="82550" rIns="82550" bIns="825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500" kern="1200" dirty="0"/>
            <a:t> </a:t>
          </a:r>
        </a:p>
      </dsp:txBody>
      <dsp:txXfrm>
        <a:off x="2593174" y="934140"/>
        <a:ext cx="1077351" cy="1077351"/>
      </dsp:txXfrm>
    </dsp:sp>
    <dsp:sp modelId="{04507F0E-7CF6-2E4F-BC51-FADD938F7B2D}">
      <dsp:nvSpPr>
        <dsp:cNvPr id="0" name=""/>
        <dsp:cNvSpPr/>
      </dsp:nvSpPr>
      <dsp:spPr>
        <a:xfrm>
          <a:off x="3927510" y="342641"/>
          <a:ext cx="1523603" cy="1523603"/>
        </a:xfrm>
        <a:prstGeom prst="ellips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2550" tIns="82550" rIns="82550" bIns="825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500" kern="1200"/>
            <a:t> </a:t>
          </a:r>
          <a:endParaRPr lang="en-US" sz="6500" kern="1200" dirty="0"/>
        </a:p>
      </dsp:txBody>
      <dsp:txXfrm>
        <a:off x="4150636" y="565767"/>
        <a:ext cx="1077351" cy="1077351"/>
      </dsp:txXfrm>
    </dsp:sp>
    <dsp:sp modelId="{B74B9F63-A9CB-0947-AE61-46C20B799B54}">
      <dsp:nvSpPr>
        <dsp:cNvPr id="0" name=""/>
        <dsp:cNvSpPr/>
      </dsp:nvSpPr>
      <dsp:spPr>
        <a:xfrm>
          <a:off x="1692891" y="33857"/>
          <a:ext cx="4740099" cy="3792079"/>
        </a:xfrm>
        <a:prstGeom prst="funnel">
          <a:avLst/>
        </a:prstGeom>
        <a:solidFill>
          <a:schemeClr val="lt1">
            <a:alpha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58C0289-AC01-734F-91F6-9BA77EC81B40}">
      <dsp:nvSpPr>
        <dsp:cNvPr id="0" name=""/>
        <dsp:cNvSpPr/>
      </dsp:nvSpPr>
      <dsp:spPr>
        <a:xfrm>
          <a:off x="0" y="180"/>
          <a:ext cx="12188825" cy="97344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b="1" i="0" kern="1200" baseline="0" dirty="0"/>
            <a:t>Developers: HL7 FHIR R4 </a:t>
          </a:r>
          <a:endParaRPr lang="en-US" sz="3600" kern="1200" dirty="0"/>
        </a:p>
      </dsp:txBody>
      <dsp:txXfrm>
        <a:off x="47519" y="47699"/>
        <a:ext cx="12093787" cy="878402"/>
      </dsp:txXfrm>
    </dsp:sp>
    <dsp:sp modelId="{C721A4EB-F322-A34F-96EA-388A5937638E}">
      <dsp:nvSpPr>
        <dsp:cNvPr id="0" name=""/>
        <dsp:cNvSpPr/>
      </dsp:nvSpPr>
      <dsp:spPr>
        <a:xfrm>
          <a:off x="0" y="1123380"/>
          <a:ext cx="12188825" cy="97344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b="1" i="0" kern="1200" baseline="0" dirty="0"/>
            <a:t>Clients: FHIR API R4 Mappings</a:t>
          </a:r>
          <a:endParaRPr lang="en-US" sz="3600" kern="1200" dirty="0"/>
        </a:p>
      </dsp:txBody>
      <dsp:txXfrm>
        <a:off x="47519" y="1170899"/>
        <a:ext cx="12093787" cy="878402"/>
      </dsp:txXfrm>
    </dsp:sp>
    <dsp:sp modelId="{6700684B-0888-5B49-8E2B-3B994C2D40B7}">
      <dsp:nvSpPr>
        <dsp:cNvPr id="0" name=""/>
        <dsp:cNvSpPr/>
      </dsp:nvSpPr>
      <dsp:spPr>
        <a:xfrm>
          <a:off x="0" y="2246580"/>
          <a:ext cx="12188825" cy="97344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b="1" i="0" kern="1200" baseline="0" dirty="0"/>
            <a:t>Clients: Code Level</a:t>
          </a:r>
          <a:endParaRPr lang="en-US" sz="3600" kern="1200" dirty="0"/>
        </a:p>
      </dsp:txBody>
      <dsp:txXfrm>
        <a:off x="47519" y="2294099"/>
        <a:ext cx="12093787" cy="878402"/>
      </dsp:txXfrm>
    </dsp:sp>
    <dsp:sp modelId="{708B0A4E-4612-E242-966B-DF61C0997123}">
      <dsp:nvSpPr>
        <dsp:cNvPr id="0" name=""/>
        <dsp:cNvSpPr/>
      </dsp:nvSpPr>
      <dsp:spPr>
        <a:xfrm>
          <a:off x="0" y="3369780"/>
          <a:ext cx="12188825" cy="97344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b="1" i="0" kern="1200" baseline="0" dirty="0"/>
            <a:t>Clients: Foundational Configuration</a:t>
          </a:r>
          <a:endParaRPr lang="en-US" sz="3600" kern="1200" dirty="0"/>
        </a:p>
      </dsp:txBody>
      <dsp:txXfrm>
        <a:off x="47519" y="3417299"/>
        <a:ext cx="12093787" cy="878402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28315DD-CC1D-404D-AB33-2623BAC42C3F}">
      <dsp:nvSpPr>
        <dsp:cNvPr id="0" name=""/>
        <dsp:cNvSpPr/>
      </dsp:nvSpPr>
      <dsp:spPr>
        <a:xfrm>
          <a:off x="6764968" y="1115295"/>
          <a:ext cx="2112809" cy="21128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35560" rIns="35560" bIns="3556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i="0" kern="1200" baseline="0" dirty="0"/>
            <a:t>Receive Feedback</a:t>
          </a:r>
          <a:endParaRPr lang="en-US" sz="2800" kern="1200" dirty="0"/>
        </a:p>
      </dsp:txBody>
      <dsp:txXfrm>
        <a:off x="6764968" y="1115295"/>
        <a:ext cx="2112809" cy="2112809"/>
      </dsp:txXfrm>
    </dsp:sp>
    <dsp:sp modelId="{D2602FE6-6E93-8048-B273-6F19DDB8C9D7}">
      <dsp:nvSpPr>
        <dsp:cNvPr id="0" name=""/>
        <dsp:cNvSpPr/>
      </dsp:nvSpPr>
      <dsp:spPr>
        <a:xfrm>
          <a:off x="3921121" y="-1591"/>
          <a:ext cx="4346582" cy="4346582"/>
        </a:xfrm>
        <a:prstGeom prst="circularArrow">
          <a:avLst>
            <a:gd name="adj1" fmla="val 9479"/>
            <a:gd name="adj2" fmla="val 684578"/>
            <a:gd name="adj3" fmla="val 7852613"/>
            <a:gd name="adj4" fmla="val 2262809"/>
            <a:gd name="adj5" fmla="val 110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738E86D-A8D6-5640-91D0-A12DC9B0D723}">
      <dsp:nvSpPr>
        <dsp:cNvPr id="0" name=""/>
        <dsp:cNvSpPr/>
      </dsp:nvSpPr>
      <dsp:spPr>
        <a:xfrm>
          <a:off x="3311047" y="1115295"/>
          <a:ext cx="2112809" cy="21128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35560" rIns="35560" bIns="3556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i="0" kern="1200" baseline="0" dirty="0"/>
            <a:t>Incremental Value</a:t>
          </a:r>
          <a:endParaRPr lang="en-US" sz="2800" kern="1200" dirty="0"/>
        </a:p>
      </dsp:txBody>
      <dsp:txXfrm>
        <a:off x="3311047" y="1115295"/>
        <a:ext cx="2112809" cy="2112809"/>
      </dsp:txXfrm>
    </dsp:sp>
    <dsp:sp modelId="{D57941CB-0D2E-B84D-9A97-A451FE485781}">
      <dsp:nvSpPr>
        <dsp:cNvPr id="0" name=""/>
        <dsp:cNvSpPr/>
      </dsp:nvSpPr>
      <dsp:spPr>
        <a:xfrm>
          <a:off x="3921121" y="-1591"/>
          <a:ext cx="4346582" cy="4346582"/>
        </a:xfrm>
        <a:prstGeom prst="circularArrow">
          <a:avLst>
            <a:gd name="adj1" fmla="val 9479"/>
            <a:gd name="adj2" fmla="val 684578"/>
            <a:gd name="adj3" fmla="val 18652613"/>
            <a:gd name="adj4" fmla="val 13062809"/>
            <a:gd name="adj5" fmla="val 110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yramid2">
  <dgm:title val=""/>
  <dgm:desc val=""/>
  <dgm:catLst>
    <dgm:cat type="pyramid" pri="3000"/>
    <dgm:cat type="list" pri="21000"/>
    <dgm:cat type="convert" pri="17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compositeShape">
    <dgm:alg type="composite"/>
    <dgm:shape xmlns:r="http://schemas.openxmlformats.org/officeDocument/2006/relationships" r:blip="">
      <dgm:adjLst/>
    </dgm:shape>
    <dgm:presOf/>
    <dgm:varLst>
      <dgm:dir/>
      <dgm:resizeHandles/>
    </dgm:varLst>
    <dgm:choose name="Name0">
      <dgm:if name="Name1" func="var" arg="dir" op="equ" val="norm">
        <dgm:constrLst>
          <dgm:constr type="w" for="ch" forName="pyramid" refType="h"/>
          <dgm:constr type="h" for="ch" forName="pyramid" refType="h"/>
          <dgm:constr type="h" for="ch" forName="theList" refType="h" fact="0.8"/>
          <dgm:constr type="w" for="ch" forName="theList" refType="h" fact="0.65"/>
          <dgm:constr type="ctrY" for="ch" forName="theList" refType="h" refFor="ch" refForName="pyramid" fact="0.5"/>
          <dgm:constr type="l" for="ch" forName="theList" refType="w" refFor="ch" refForName="pyramid" fact="0.5"/>
          <dgm:constr type="h" for="des" forName="aSpace" refType="h" fact="0.1"/>
        </dgm:constrLst>
      </dgm:if>
      <dgm:else name="Name2">
        <dgm:constrLst>
          <dgm:constr type="w" for="ch" forName="pyramid" refType="h"/>
          <dgm:constr type="h" for="ch" forName="pyramid" refType="h"/>
          <dgm:constr type="h" for="ch" forName="theList" refType="h" fact="0.8"/>
          <dgm:constr type="w" for="ch" forName="theList" refType="h" fact="0.65"/>
          <dgm:constr type="ctrY" for="ch" forName="theList" refType="h" refFor="ch" refForName="pyramid" fact="0.5"/>
          <dgm:constr type="r" for="ch" forName="theList" refType="w" refFor="ch" refForName="pyramid" fact="0.5"/>
          <dgm:constr type="h" for="des" forName="aSpace" refType="h" fact="0.1"/>
        </dgm:constrLst>
      </dgm:else>
    </dgm:choose>
    <dgm:ruleLst/>
    <dgm:choose name="Name3">
      <dgm:if name="Name4" axis="ch" ptType="node" func="cnt" op="gte" val="1">
        <dgm:layoutNode name="pyramid" styleLbl="node1">
          <dgm:alg type="sp"/>
          <dgm:shape xmlns:r="http://schemas.openxmlformats.org/officeDocument/2006/relationships" type="triangle" r:blip="">
            <dgm:adjLst/>
          </dgm:shape>
          <dgm:presOf/>
          <dgm:constrLst/>
          <dgm:ruleLst/>
        </dgm:layoutNode>
        <dgm:layoutNode name="theLis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aNode" refType="w"/>
            <dgm:constr type="h" for="ch" forName="aNode" refType="h"/>
            <dgm:constr type="primFontSz" for="ch" ptType="node" op="equ"/>
          </dgm:constrLst>
          <dgm:ruleLst/>
          <dgm:forEach name="aNodeForEach" axis="ch" ptType="node">
            <dgm:layoutNode name="aNode" styleLbl="fgAcc1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  <dgm:layoutNode name="a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layoutNode>
      </dgm:if>
      <dgm:else name="Name5"/>
    </dgm:choose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funnel1">
  <dgm:title val=""/>
  <dgm:desc val=""/>
  <dgm:catLst>
    <dgm:cat type="relationship" pri="2000"/>
    <dgm:cat type="process" pri="2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4"/>
      <dgm:resizeHandles val="exact"/>
    </dgm:varLst>
    <dgm:alg type="composite">
      <dgm:param type="ar" val="1.25"/>
    </dgm:alg>
    <dgm:shape xmlns:r="http://schemas.openxmlformats.org/officeDocument/2006/relationships" r:blip="">
      <dgm:adjLst/>
    </dgm:shape>
    <dgm:presOf/>
    <dgm:choose name="Name1">
      <dgm:if name="Name2" axis="ch" ptType="node" func="cnt" op="equ" val="2">
        <dgm:constrLst>
          <dgm:constr type="w" for="ch" forName="ellipse" refType="w" fact="0.645"/>
          <dgm:constr type="h" for="ch" forName="ellipse" refType="h" fact="0.28"/>
          <dgm:constr type="t" for="ch" forName="ellipse" refType="w" fact="0.0275"/>
          <dgm:constr type="l" for="ch" forName="ellipse" refType="w" fact="0.0265"/>
          <dgm:constr type="w" for="ch" forName="arrow1" refType="w" fact="0.125"/>
          <dgm:constr type="h" for="ch" forName="arrow1" refType="h" fact="0.1"/>
          <dgm:constr type="t" for="ch" forName="arrow1" refType="h" fact="0.72"/>
          <dgm:constr type="l" for="ch" forName="arrow1" refType="w" fact="0.2875"/>
          <dgm:constr type="w" for="ch" forName="rectangle" refType="w" fact="0.6"/>
          <dgm:constr type="h" for="ch" forName="rectangle" refType="w" refFor="ch" refForName="rectangle" fact="0.25"/>
          <dgm:constr type="t" for="ch" forName="rectangle" refType="h" fact="0.8"/>
          <dgm:constr type="l" for="ch" forName="rectangle" refType="w" fact="0.05"/>
          <dgm:constr type="w" for="ch" forName="item1" refType="w" fact="0.35"/>
          <dgm:constr type="h" for="ch" forName="item1" refType="w" fact="0.35"/>
          <dgm:constr type="t" for="ch" forName="item1" refType="h" fact="0.05"/>
          <dgm:constr type="l" for="ch" forName="item1" refType="w" fact="0.125"/>
          <dgm:constr type="primFontSz" for="ch" forName="item1" op="equ" val="65"/>
          <dgm:constr type="w" for="ch" forName="funnel" refType="w" fact="0.7"/>
          <dgm:constr type="h" for="ch" forName="funnel" refType="h" fact="0.7"/>
          <dgm:constr type="t" for="ch" forName="funnel"/>
          <dgm:constr type="l" for="ch" forName="funnel"/>
        </dgm:constrLst>
      </dgm:if>
      <dgm:else name="Name3">
        <dgm:constrLst>
          <dgm:constr type="w" for="ch" forName="ellipse" refType="w" fact="0.645"/>
          <dgm:constr type="h" for="ch" forName="ellipse" refType="h" fact="0.28"/>
          <dgm:constr type="t" for="ch" forName="ellipse" refType="w" fact="0.0275"/>
          <dgm:constr type="l" for="ch" forName="ellipse" refType="w" fact="0.0265"/>
          <dgm:constr type="w" for="ch" forName="arrow1" refType="w" fact="0.125"/>
          <dgm:constr type="h" for="ch" forName="arrow1" refType="h" fact="0.1"/>
          <dgm:constr type="t" for="ch" forName="arrow1" refType="h" fact="0.72"/>
          <dgm:constr type="l" for="ch" forName="arrow1" refType="w" fact="0.2875"/>
          <dgm:constr type="w" for="ch" forName="rectangle" refType="w" fact="0.6"/>
          <dgm:constr type="h" for="ch" forName="rectangle" refType="w" refFor="ch" refForName="rectangle" fact="0.25"/>
          <dgm:constr type="t" for="ch" forName="rectangle" refType="h" fact="0.8"/>
          <dgm:constr type="l" for="ch" forName="rectangle" refType="w" fact="0.05"/>
          <dgm:constr type="primFontSz" for="ch" forName="rectangle" val="65"/>
          <dgm:constr type="w" for="ch" forName="item1" refType="w" fact="0.225"/>
          <dgm:constr type="h" for="ch" forName="item1" refType="w" fact="0.225"/>
          <dgm:constr type="t" for="ch" forName="item1" refType="h" fact="0.336"/>
          <dgm:constr type="l" for="ch" forName="item1" refType="w" fact="0.261"/>
          <dgm:constr type="primFontSz" for="ch" forName="item1" val="65"/>
          <dgm:constr type="w" for="ch" forName="item2" refType="w" fact="0.225"/>
          <dgm:constr type="h" for="ch" forName="item2" refType="w" fact="0.225"/>
          <dgm:constr type="t" for="ch" forName="item2" refType="h" fact="0.125"/>
          <dgm:constr type="l" for="ch" forName="item2" refType="w" fact="0.1"/>
          <dgm:constr type="primFontSz" for="ch" forName="item2" refType="primFontSz" refFor="ch" refForName="item1" op="equ"/>
          <dgm:constr type="w" for="ch" forName="item3" refType="w" fact="0.225"/>
          <dgm:constr type="h" for="ch" forName="item3" refType="w" fact="0.225"/>
          <dgm:constr type="t" for="ch" forName="item3" refType="h" fact="0.057"/>
          <dgm:constr type="l" for="ch" forName="item3" refType="w" fact="0.33"/>
          <dgm:constr type="primFontSz" for="ch" forName="item3" refType="primFontSz" refFor="ch" refForName="item1" op="equ"/>
          <dgm:constr type="w" for="ch" forName="funnel" refType="w" fact="0.7"/>
          <dgm:constr type="h" for="ch" forName="funnel" refType="h" fact="0.7"/>
          <dgm:constr type="t" for="ch" forName="funnel"/>
          <dgm:constr type="l" for="ch" forName="funnel"/>
        </dgm:constrLst>
      </dgm:else>
    </dgm:choose>
    <dgm:ruleLst/>
    <dgm:choose name="Name4">
      <dgm:if name="Name5" axis="ch" ptType="node" func="cnt" op="gte" val="1">
        <dgm:layoutNode name="ellipse" styleLbl="tr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arrow1" styleLbl="fgShp">
          <dgm:alg type="sp"/>
          <dgm:shape xmlns:r="http://schemas.openxmlformats.org/officeDocument/2006/relationships" type="downArrow" r:blip="">
            <dgm:adjLst/>
          </dgm:shape>
          <dgm:presOf/>
          <dgm:constrLst/>
          <dgm:ruleLst/>
        </dgm:layoutNode>
        <dgm:layoutNode name="rectangle" styleLbl="revTx">
          <dgm:varLst>
            <dgm:bulletEnabled val="1"/>
          </dgm:varLst>
          <dgm:alg type="tx">
            <dgm:param type="txAnchorHorzCh" val="ctr"/>
          </dgm:alg>
          <dgm:shape xmlns:r="http://schemas.openxmlformats.org/officeDocument/2006/relationships" type="rect" r:blip="">
            <dgm:adjLst/>
          </dgm:shape>
          <dgm:choose name="Name6">
            <dgm:if name="Name7" axis="ch" ptType="node" func="cnt" op="equ" val="1">
              <dgm:presOf axis="ch desOrSelf" ptType="node node" st="1 1" cnt="1 0"/>
            </dgm:if>
            <dgm:if name="Name8" axis="ch" ptType="node" func="cnt" op="equ" val="2">
              <dgm:presOf axis="ch desOrSelf" ptType="node node" st="2 1" cnt="1 0"/>
            </dgm:if>
            <dgm:if name="Name9" axis="ch" ptType="node" func="cnt" op="equ" val="3">
              <dgm:presOf axis="ch desOrSelf" ptType="node node" st="3 1" cnt="1 0"/>
            </dgm:if>
            <dgm:else name="Name10">
              <dgm:presOf axis="ch desOrSelf" ptType="node node" st="4 1" cnt="1 0"/>
            </dgm:else>
          </dgm:choose>
          <dgm:constrLst/>
          <dgm:ruleLst>
            <dgm:rule type="primFontSz" val="5" fact="NaN" max="NaN"/>
          </dgm:ruleLst>
        </dgm:layoutNode>
        <dgm:forEach name="Name11" axis="ch" ptType="node" st="2" cnt="1">
          <dgm:layoutNode name="item1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12">
              <dgm:if name="Name13" axis="root ch" ptType="all node" func="cnt" op="equ" val="1">
                <dgm:presOf/>
              </dgm:if>
              <dgm:if name="Name14" axis="root ch" ptType="all node" func="cnt" op="equ" val="2">
                <dgm:presOf axis="root ch desOrSelf" ptType="all node node" st="1 1 1" cnt="0 1 0"/>
              </dgm:if>
              <dgm:if name="Name15" axis="root ch" ptType="all node" func="cnt" op="equ" val="3">
                <dgm:presOf axis="root ch desOrSelf" ptType="all node node" st="1 2 1" cnt="0 1 0"/>
              </dgm:if>
              <dgm:else name="Name16">
                <dgm:presOf axis="root ch desOrSelf" ptType="all node node" st="1 3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forEach name="Name17" axis="ch" ptType="node" st="3" cnt="1">
          <dgm:layoutNode name="item2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18">
              <dgm:if name="Name19" axis="root ch" ptType="all node" func="cnt" op="equ" val="1">
                <dgm:presOf/>
              </dgm:if>
              <dgm:if name="Name20" axis="root ch" ptType="all node" func="cnt" op="equ" val="2">
                <dgm:presOf/>
              </dgm:if>
              <dgm:if name="Name21" axis="root ch" ptType="all node" func="cnt" op="equ" val="3">
                <dgm:presOf axis="root ch desOrSelf" ptType="all node node" st="1 1 1" cnt="0 1 0"/>
              </dgm:if>
              <dgm:else name="Name22">
                <dgm:presOf axis="root ch desOrSelf" ptType="all node node" st="1 2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forEach name="Name23" axis="ch" ptType="node" st="4" cnt="1">
          <dgm:layoutNode name="item3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24">
              <dgm:if name="Name25" axis="root ch" ptType="all node" func="cnt" op="equ" val="1">
                <dgm:presOf/>
              </dgm:if>
              <dgm:if name="Name26" axis="root ch" ptType="all node" func="cnt" op="equ" val="2">
                <dgm:presOf/>
              </dgm:if>
              <dgm:if name="Name27" axis="root ch" ptType="all node" func="cnt" op="equ" val="3">
                <dgm:presOf/>
              </dgm:if>
              <dgm:else name="Name28">
                <dgm:presOf axis="root ch desOrSelf" ptType="all node node" st="1 1 1" cnt="0 1 0"/>
              </dgm:else>
            </dgm:choose>
            <dgm:constrLst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primFontSz" val="5" fact="NaN" max="NaN"/>
            </dgm:ruleLst>
          </dgm:layoutNode>
        </dgm:forEach>
        <dgm:layoutNode name="funnel" styleLbl="trAlignAcc1">
          <dgm:alg type="sp"/>
          <dgm:shape xmlns:r="http://schemas.openxmlformats.org/officeDocument/2006/relationships" type="funnel" r:blip="">
            <dgm:adjLst/>
          </dgm:shape>
          <dgm:presOf/>
          <dgm:constrLst/>
          <dgm:ruleLst/>
        </dgm:layoutNode>
      </dgm:if>
      <dgm:else name="Name29"/>
    </dgm:choose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319" cy="46524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885" y="0"/>
            <a:ext cx="3038319" cy="46524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ECAA56D-6859-4EF7-83F5-F26517F8F86A}" type="datetimeFigureOut">
              <a:rPr lang="en-US" smtClean="0"/>
              <a:t>10/26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31160"/>
            <a:ext cx="3038319" cy="46524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885" y="8831160"/>
            <a:ext cx="3038319" cy="46524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B706CE-DD56-44EB-9C7F-FE3574A5CFE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5179331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319" cy="46524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885" y="0"/>
            <a:ext cx="3038319" cy="46524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9A7A732-E016-4A82-A589-F6E10816C5CA}" type="datetimeFigureOut">
              <a:rPr lang="en-US" smtClean="0"/>
              <a:t>10/26/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519" y="4473472"/>
            <a:ext cx="5607362" cy="366087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31160"/>
            <a:ext cx="3038319" cy="46524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885" y="8831160"/>
            <a:ext cx="3038319" cy="46524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FFD62D3-BB65-47B7-B482-3500296D899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419241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1218507" rtl="0" eaLnBrk="1" latinLnBrk="0" hangingPunct="1">
      <a:defRPr sz="1600" b="0" i="0" kern="1200">
        <a:solidFill>
          <a:schemeClr val="tx1"/>
        </a:solidFill>
        <a:latin typeface="Arial Regular"/>
        <a:ea typeface="+mn-ea"/>
        <a:cs typeface="+mn-cs"/>
      </a:defRPr>
    </a:lvl1pPr>
    <a:lvl2pPr marL="609240" algn="l" defTabSz="1218507" rtl="0" eaLnBrk="1" latinLnBrk="0" hangingPunct="1">
      <a:defRPr sz="1600" b="0" i="0" kern="1200">
        <a:solidFill>
          <a:schemeClr val="tx1"/>
        </a:solidFill>
        <a:latin typeface="Arial Regular"/>
        <a:ea typeface="+mn-ea"/>
        <a:cs typeface="+mn-cs"/>
      </a:defRPr>
    </a:lvl2pPr>
    <a:lvl3pPr marL="1218507" algn="l" defTabSz="1218507" rtl="0" eaLnBrk="1" latinLnBrk="0" hangingPunct="1">
      <a:defRPr sz="1600" b="0" i="0" kern="1200">
        <a:solidFill>
          <a:schemeClr val="tx1"/>
        </a:solidFill>
        <a:latin typeface="Arial Regular"/>
        <a:ea typeface="+mn-ea"/>
        <a:cs typeface="+mn-cs"/>
      </a:defRPr>
    </a:lvl3pPr>
    <a:lvl4pPr marL="1827755" algn="l" defTabSz="1218507" rtl="0" eaLnBrk="1" latinLnBrk="0" hangingPunct="1">
      <a:defRPr sz="1600" b="0" i="0" kern="1200">
        <a:solidFill>
          <a:schemeClr val="tx1"/>
        </a:solidFill>
        <a:latin typeface="Arial Regular"/>
        <a:ea typeface="+mn-ea"/>
        <a:cs typeface="+mn-cs"/>
      </a:defRPr>
    </a:lvl4pPr>
    <a:lvl5pPr marL="2437012" algn="l" defTabSz="1218507" rtl="0" eaLnBrk="1" latinLnBrk="0" hangingPunct="1">
      <a:defRPr sz="1600" b="0" i="0" kern="1200">
        <a:solidFill>
          <a:schemeClr val="tx1"/>
        </a:solidFill>
        <a:latin typeface="Arial Regular"/>
        <a:ea typeface="+mn-ea"/>
        <a:cs typeface="+mn-cs"/>
      </a:defRPr>
    </a:lvl5pPr>
    <a:lvl6pPr marL="3046251" algn="l" defTabSz="121850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5491" algn="l" defTabSz="121850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4747" algn="l" defTabSz="121850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3996" algn="l" defTabSz="121850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476911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902560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0709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550948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b="1" i="0" kern="1200" dirty="0">
                <a:solidFill>
                  <a:schemeClr val="tx1"/>
                </a:solidFill>
                <a:effectLst/>
                <a:latin typeface="Arial Regular"/>
                <a:ea typeface="+mn-ea"/>
                <a:cs typeface="+mn-cs"/>
              </a:rPr>
              <a:t>References:</a:t>
            </a:r>
          </a:p>
          <a:p>
            <a:r>
              <a:rPr lang="en-US" dirty="0"/>
              <a:t>https://</a:t>
            </a:r>
            <a:r>
              <a:rPr lang="en-US" dirty="0" err="1"/>
              <a:t>www.healthit.gov</a:t>
            </a:r>
            <a:r>
              <a:rPr lang="en-US" dirty="0"/>
              <a:t>/</a:t>
            </a:r>
            <a:r>
              <a:rPr lang="en-US" dirty="0" err="1"/>
              <a:t>isa</a:t>
            </a:r>
            <a:r>
              <a:rPr lang="en-US" dirty="0"/>
              <a:t>/united-states-core-data-interoperability-</a:t>
            </a:r>
            <a:r>
              <a:rPr lang="en-US" dirty="0" err="1"/>
              <a:t>uscdi</a:t>
            </a:r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03135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eferences: </a:t>
            </a:r>
          </a:p>
          <a:p>
            <a:r>
              <a:rPr lang="en-US" dirty="0"/>
              <a:t>http://</a:t>
            </a:r>
            <a:r>
              <a:rPr lang="en-US" dirty="0" err="1"/>
              <a:t>build.fhir.org</a:t>
            </a:r>
            <a:r>
              <a:rPr lang="en-US" dirty="0"/>
              <a:t>/</a:t>
            </a:r>
            <a:r>
              <a:rPr lang="en-US" dirty="0" err="1"/>
              <a:t>ig</a:t>
            </a:r>
            <a:r>
              <a:rPr lang="en-US" dirty="0"/>
              <a:t>/HL7/US-Core-R4/general-guidance.html#us-core-data-for-interoperability-and-2015-edition-common-clinical-data-set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850878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915308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77725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121850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="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FFD62D3-BB65-47B7-B482-3500296D899C}" type="slidenum">
              <a:rPr kumimoji="0" lang="en-US" sz="1200" b="1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958840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FFD62D3-BB65-47B7-B482-3500296D899C}" type="slidenum">
              <a:rPr kumimoji="0" lang="en-US" sz="1200" b="1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163845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FFD62D3-BB65-47B7-B482-3500296D899C}" type="slidenum">
              <a:rPr kumimoji="0" lang="en-US" sz="1200" b="1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549197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69252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472086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C101C7E-BF5A-41AA-BAEE-0B2ACAB95A39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958599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839980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455602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4796276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203657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074732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042314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36919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 1">
            <a:extLst>
              <a:ext uri="{FF2B5EF4-FFF2-40B4-BE49-F238E27FC236}">
                <a16:creationId xmlns:a16="http://schemas.microsoft.com/office/drawing/2014/main" id="{9AF87106-96A1-F647-9A52-99A3589496B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32651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509217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12793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1" indent="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</a:pPr>
            <a:r>
              <a:rPr lang="en-US" sz="2000" b="0" i="1" kern="1200" dirty="0"/>
              <a:t>References:</a:t>
            </a:r>
          </a:p>
          <a:p>
            <a:pPr marL="0" lvl="1" indent="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</a:pPr>
            <a:r>
              <a:rPr lang="en-US" sz="2000" b="0" i="1" kern="1200" dirty="0"/>
              <a:t>https://</a:t>
            </a:r>
            <a:r>
              <a:rPr lang="en-US" sz="2000" b="0" i="1" kern="1200" dirty="0" err="1"/>
              <a:t>www.healthit.gov</a:t>
            </a:r>
            <a:r>
              <a:rPr lang="en-US" sz="2000" b="0" i="1" kern="1200" dirty="0"/>
              <a:t>/topic/about-</a:t>
            </a:r>
            <a:r>
              <a:rPr lang="en-US" sz="2000" b="0" i="1" kern="1200" dirty="0" err="1"/>
              <a:t>onc</a:t>
            </a:r>
            <a:endParaRPr lang="en-US" sz="2000" b="0" i="1" kern="1200" dirty="0"/>
          </a:p>
          <a:p>
            <a:pPr marL="0" lvl="1" indent="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</a:pPr>
            <a:r>
              <a:rPr lang="en-US" sz="2000" i="1" kern="1200" dirty="0"/>
              <a:t>https://</a:t>
            </a:r>
            <a:r>
              <a:rPr lang="en-US" sz="2000" i="1" kern="1200" dirty="0" err="1"/>
              <a:t>www.himss.org</a:t>
            </a:r>
            <a:r>
              <a:rPr lang="en-US" sz="2000" i="1" kern="1200" dirty="0"/>
              <a:t>/resources/21st-century-cures-act-summary</a:t>
            </a:r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55078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eferences: </a:t>
            </a:r>
          </a:p>
          <a:p>
            <a:r>
              <a:rPr lang="en-US" dirty="0"/>
              <a:t>https://</a:t>
            </a:r>
            <a:r>
              <a:rPr lang="en-US" dirty="0" err="1"/>
              <a:t>www.healthit.gov</a:t>
            </a:r>
            <a:r>
              <a:rPr lang="en-US" dirty="0"/>
              <a:t>/</a:t>
            </a:r>
            <a:r>
              <a:rPr lang="en-US" dirty="0" err="1"/>
              <a:t>curesrule</a:t>
            </a:r>
            <a:r>
              <a:rPr lang="en-US" dirty="0"/>
              <a:t>/final-rule-policy/2015-edition-cures-updat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392489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eferences:</a:t>
            </a:r>
          </a:p>
          <a:p>
            <a:r>
              <a:rPr lang="en-US" dirty="0"/>
              <a:t>https://</a:t>
            </a:r>
            <a:r>
              <a:rPr lang="en-US" dirty="0" err="1"/>
              <a:t>www.healthit.gov</a:t>
            </a:r>
            <a:r>
              <a:rPr lang="en-US" dirty="0"/>
              <a:t>/</a:t>
            </a:r>
            <a:r>
              <a:rPr lang="en-US" dirty="0" err="1"/>
              <a:t>curesrule</a:t>
            </a:r>
            <a:r>
              <a:rPr lang="en-US" dirty="0"/>
              <a:t>/final-rule-policy/empowering-patients-us-health-care-system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29806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 1">
            <a:extLst>
              <a:ext uri="{FF2B5EF4-FFF2-40B4-BE49-F238E27FC236}">
                <a16:creationId xmlns:a16="http://schemas.microsoft.com/office/drawing/2014/main" id="{CB8DFDB5-4967-774D-88B7-66FBF64DDEC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eferences:</a:t>
            </a:r>
          </a:p>
          <a:p>
            <a:r>
              <a:rPr lang="en-US" dirty="0"/>
              <a:t>http://</a:t>
            </a:r>
            <a:r>
              <a:rPr lang="en-US" dirty="0" err="1"/>
              <a:t>build.fhir.org</a:t>
            </a:r>
            <a:r>
              <a:rPr lang="en-US" dirty="0"/>
              <a:t>/</a:t>
            </a:r>
            <a:r>
              <a:rPr lang="en-US" dirty="0" err="1"/>
              <a:t>ig</a:t>
            </a:r>
            <a:r>
              <a:rPr lang="en-US" dirty="0"/>
              <a:t>/HL7/US-Core-R4/general-guidance.html#us-core-data-for-interoperability-and-2015-edition-common-clinical-data-set</a:t>
            </a:r>
          </a:p>
        </p:txBody>
      </p:sp>
    </p:spTree>
    <p:extLst>
      <p:ext uri="{BB962C8B-B14F-4D97-AF65-F5344CB8AC3E}">
        <p14:creationId xmlns:p14="http://schemas.microsoft.com/office/powerpoint/2010/main" val="36862472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jp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png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3">
            <a:extLst>
              <a:ext uri="{FF2B5EF4-FFF2-40B4-BE49-F238E27FC236}">
                <a16:creationId xmlns:a16="http://schemas.microsoft.com/office/drawing/2014/main" id="{764A5F45-4E03-694E-99BD-CAFC27E7028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0"/>
            <a:ext cx="12193174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1D19A23-90CD-0347-AA12-B7E97D7584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838200"/>
            <a:ext cx="12188800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8263FDC-0F0C-B848-A3DD-56D4055A11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0" y="1431925"/>
            <a:ext cx="11843621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1566140505"/>
      </p:ext>
    </p:extLst>
  </p:cSld>
  <p:clrMapOvr>
    <a:masterClrMapping/>
  </p:clrMapOvr>
  <p:transition spd="slow"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0"/>
            <a:ext cx="12187262" cy="6858000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A8657388-EB59-814E-9C62-C39EBF41A7D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-3" y="1845585"/>
            <a:ext cx="12188825" cy="1888216"/>
          </a:xfrm>
        </p:spPr>
        <p:txBody>
          <a:bodyPr lIns="0" tIns="0" rIns="0" bIns="0" anchor="ctr">
            <a:noAutofit/>
          </a:bodyPr>
          <a:lstStyle>
            <a:lvl1pPr algn="ctr">
              <a:lnSpc>
                <a:spcPct val="100000"/>
              </a:lnSpc>
              <a:spcBef>
                <a:spcPts val="0"/>
              </a:spcBef>
              <a:defRPr sz="6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Title of presentation </a:t>
            </a:r>
          </a:p>
          <a:p>
            <a:pPr lvl="0"/>
            <a:r>
              <a:rPr lang="en-US" dirty="0"/>
              <a:t>goes here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BCE21FEE-95A8-7945-B853-F37B450FD8A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543172" y="4008438"/>
            <a:ext cx="7102475" cy="517525"/>
          </a:xfrm>
        </p:spPr>
        <p:txBody>
          <a:bodyPr lIns="0" tIns="0" rIns="0" bIns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name goes here</a:t>
            </a:r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0CDAAA05-1CB9-E147-A8D9-A8E5468804D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43172" y="4663498"/>
            <a:ext cx="7102475" cy="452438"/>
          </a:xfrm>
        </p:spPr>
        <p:txBody>
          <a:bodyPr lIns="0" tIns="0" rIns="0" bIns="0" anchor="ctr">
            <a:normAutofit/>
          </a:bodyPr>
          <a:lstStyle>
            <a:lvl1pPr algn="ctr">
              <a:defRPr sz="2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titl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AC8ACF8E-23FB-9447-85B7-3F8CEBF21FA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543172" y="5253471"/>
            <a:ext cx="7102475" cy="314757"/>
          </a:xfrm>
        </p:spPr>
        <p:txBody>
          <a:bodyPr lIns="0" tIns="0" rIns="0" bIns="0" anchor="ctr">
            <a:normAutofit/>
          </a:bodyPr>
          <a:lstStyle>
            <a:lvl1pPr algn="ctr">
              <a:defRPr sz="1800" b="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121519068"/>
      </p:ext>
    </p:extLst>
  </p:cSld>
  <p:clrMapOvr>
    <a:masterClrMapping/>
  </p:clrMapOvr>
  <p:transition spd="slow"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Father and daughter on sofa, looking at mobile device together">
            <a:extLst>
              <a:ext uri="{FF2B5EF4-FFF2-40B4-BE49-F238E27FC236}">
                <a16:creationId xmlns:a16="http://schemas.microsoft.com/office/drawing/2014/main" id="{364243A3-91E8-D04A-BD77-00500A06EB0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12187236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B1416A2-C043-6746-9EF4-6FE71AD7B24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4947920"/>
            <a:ext cx="12187236" cy="1910080"/>
          </a:xfrm>
          <a:prstGeom prst="rect">
            <a:avLst/>
          </a:prstGeom>
          <a:solidFill>
            <a:schemeClr val="accent3">
              <a:alpha val="5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FFFFFF"/>
              </a:highlight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8082A10-389E-734E-B0CE-AD01D5A1B4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1" y="4343400"/>
            <a:ext cx="12188824" cy="914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FFFFFF"/>
              </a:highlight>
            </a:endParaRPr>
          </a:p>
        </p:txBody>
      </p:sp>
      <p:pic>
        <p:nvPicPr>
          <p:cNvPr id="5" name="Picture 4" descr="Cerner logo">
            <a:extLst>
              <a:ext uri="{FF2B5EF4-FFF2-40B4-BE49-F238E27FC236}">
                <a16:creationId xmlns:a16="http://schemas.microsoft.com/office/drawing/2014/main" id="{8091B252-0747-F347-9ACF-7904D36B0FE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94812" y="4502944"/>
            <a:ext cx="2366845" cy="595312"/>
          </a:xfrm>
          <a:prstGeom prst="rect">
            <a:avLst/>
          </a:prstGeom>
        </p:spPr>
      </p:pic>
      <p:sp>
        <p:nvSpPr>
          <p:cNvPr id="6" name="Title 3">
            <a:extLst>
              <a:ext uri="{FF2B5EF4-FFF2-40B4-BE49-F238E27FC236}">
                <a16:creationId xmlns:a16="http://schemas.microsoft.com/office/drawing/2014/main" id="{454959EC-7BE6-2E4D-940C-AD7103250BC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4343400"/>
            <a:ext cx="9067823" cy="914400"/>
          </a:xfrm>
        </p:spPr>
        <p:txBody>
          <a:bodyPr tIns="0" rIns="0" bIns="0" anchor="ctr">
            <a:noAutofit/>
          </a:bodyPr>
          <a:lstStyle>
            <a:lvl1pPr>
              <a:defRPr/>
            </a:lvl1pPr>
          </a:lstStyle>
          <a:p>
            <a:r>
              <a:rPr lang="en-US" dirty="0">
                <a:solidFill>
                  <a:schemeClr val="accent3"/>
                </a:solidFill>
                <a:ea typeface="Arial"/>
                <a:sym typeface="Arial"/>
              </a:rPr>
              <a:t>Title goes here</a:t>
            </a:r>
            <a:endParaRPr lang="en-US" dirty="0"/>
          </a:p>
        </p:txBody>
      </p:sp>
      <p:sp>
        <p:nvSpPr>
          <p:cNvPr id="8" name="Text Placeholder 15">
            <a:extLst>
              <a:ext uri="{FF2B5EF4-FFF2-40B4-BE49-F238E27FC236}">
                <a16:creationId xmlns:a16="http://schemas.microsoft.com/office/drawing/2014/main" id="{CC863895-0CCB-AE44-9217-295FB234D70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72627" y="5389893"/>
            <a:ext cx="7102475" cy="517525"/>
          </a:xfrm>
        </p:spPr>
        <p:txBody>
          <a:bodyPr lIns="0" tIns="0" rIns="0" bIns="0" anchor="ctr">
            <a:normAutofit/>
          </a:bodyPr>
          <a:lstStyle>
            <a:lvl1pPr algn="l">
              <a:defRPr sz="24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name goes here</a:t>
            </a:r>
          </a:p>
        </p:txBody>
      </p:sp>
      <p:sp>
        <p:nvSpPr>
          <p:cNvPr id="9" name="Text Placeholder 17">
            <a:extLst>
              <a:ext uri="{FF2B5EF4-FFF2-40B4-BE49-F238E27FC236}">
                <a16:creationId xmlns:a16="http://schemas.microsoft.com/office/drawing/2014/main" id="{6F1A6AAC-699D-5841-9515-C75C9F36F44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72627" y="5944128"/>
            <a:ext cx="7102475" cy="307441"/>
          </a:xfrm>
        </p:spPr>
        <p:txBody>
          <a:bodyPr lIns="0" tIns="0" rIns="0" bIns="0" anchor="ctr">
            <a:normAutofit/>
          </a:bodyPr>
          <a:lstStyle>
            <a:lvl1pPr algn="l">
              <a:defRPr sz="18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title</a:t>
            </a:r>
          </a:p>
        </p:txBody>
      </p:sp>
      <p:sp>
        <p:nvSpPr>
          <p:cNvPr id="11" name="Text Placeholder 19">
            <a:extLst>
              <a:ext uri="{FF2B5EF4-FFF2-40B4-BE49-F238E27FC236}">
                <a16:creationId xmlns:a16="http://schemas.microsoft.com/office/drawing/2014/main" id="{231799C2-D627-A144-B21C-1C9DC4B5F6F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72627" y="6336830"/>
            <a:ext cx="7102475" cy="314757"/>
          </a:xfrm>
        </p:spPr>
        <p:txBody>
          <a:bodyPr lIns="0" tIns="0" rIns="0" bIns="0" anchor="ctr">
            <a:normAutofit/>
          </a:bodyPr>
          <a:lstStyle>
            <a:lvl1pPr algn="l">
              <a:defRPr sz="1800" b="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709887201"/>
      </p:ext>
    </p:extLst>
  </p:cSld>
  <p:clrMapOvr>
    <a:masterClrMapping/>
  </p:clrMapOvr>
  <p:transition spd="slow"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u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49B0187-ADC6-6B4E-862D-FDD7EB7DCC7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818812" y="6473469"/>
            <a:ext cx="1026512" cy="250212"/>
          </a:xfrm>
          <a:prstGeom prst="rect">
            <a:avLst/>
          </a:prstGeom>
        </p:spPr>
      </p:pic>
      <p:pic>
        <p:nvPicPr>
          <p:cNvPr id="11" name="Picture 10" descr="A close up of a sign&#10;&#10;Description automatically generated">
            <a:extLst>
              <a:ext uri="{FF2B5EF4-FFF2-40B4-BE49-F238E27FC236}">
                <a16:creationId xmlns:a16="http://schemas.microsoft.com/office/drawing/2014/main" id="{4012134D-E098-7448-B2C5-54B7C3B6263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84681" y="6420081"/>
            <a:ext cx="2258491" cy="3036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0"/>
            <a:ext cx="1218726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9782900"/>
      </p:ext>
    </p:extLst>
  </p:cSld>
  <p:clrMapOvr>
    <a:masterClrMapping/>
  </p:clrMapOvr>
  <p:transition spd="slow"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/Blu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C8C099C-5F23-6747-A694-B4882AC5416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144145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Content Placeholder 8">
            <a:extLst>
              <a:ext uri="{FF2B5EF4-FFF2-40B4-BE49-F238E27FC236}">
                <a16:creationId xmlns:a16="http://schemas.microsoft.com/office/drawing/2014/main" id="{E6B19381-0A98-DC48-B388-12D197C86D6A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52169" y="1441450"/>
            <a:ext cx="7542213" cy="4121150"/>
          </a:xfrm>
          <a:prstGeom prst="rect">
            <a:avLst/>
          </a:prstGeom>
        </p:spPr>
        <p:txBody>
          <a:bodyPr lIns="365760" tIns="0" rIns="365760" bIns="0" anchor="ctr"/>
          <a:lstStyle>
            <a:lvl1pPr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274320" indent="-18288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3046718"/>
      </p:ext>
    </p:extLst>
  </p:cSld>
  <p:clrMapOvr>
    <a:masterClrMapping/>
  </p:clrMapOvr>
  <p:transition spd="slow"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Title - n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>
            <a:alphaModFix amt="8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9533"/>
            <a:ext cx="12188825" cy="6848467"/>
          </a:xfrm>
          <a:prstGeom prst="rect">
            <a:avLst/>
          </a:prstGeom>
        </p:spPr>
      </p:pic>
      <p:sp>
        <p:nvSpPr>
          <p:cNvPr id="22" name="bk object 16"/>
          <p:cNvSpPr>
            <a:spLocks noChangeAspect="1"/>
          </p:cNvSpPr>
          <p:nvPr userDrawn="1"/>
        </p:nvSpPr>
        <p:spPr>
          <a:xfrm>
            <a:off x="-1" y="0"/>
            <a:ext cx="12201431" cy="6858000"/>
          </a:xfrm>
          <a:prstGeom prst="rect">
            <a:avLst/>
          </a:prstGeom>
          <a:blipFill>
            <a:blip r:embed="rId3" cstate="print">
              <a:alphaModFix amt="10000"/>
            </a:blip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 marL="0" marR="0" lvl="0" indent="0" algn="l" defTabSz="91412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sz="3599" b="1" i="0" u="none" strike="noStrike" kern="1200" cap="none" spc="0" normalizeH="0" baseline="0" noProof="0">
              <a:ln>
                <a:noFill/>
              </a:ln>
              <a:solidFill>
                <a:srgbClr val="393D41"/>
              </a:solidFill>
              <a:effectLst/>
              <a:uLnTx/>
              <a:uFillTx/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pic>
        <p:nvPicPr>
          <p:cNvPr id="17" name="Picture 16"/>
          <p:cNvPicPr>
            <a:picLocks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9533"/>
            <a:ext cx="12188827" cy="6848467"/>
          </a:xfrm>
          <a:prstGeom prst="rect">
            <a:avLst/>
          </a:prstGeom>
        </p:spPr>
      </p:pic>
      <p:sp>
        <p:nvSpPr>
          <p:cNvPr id="7" name="Title 3"/>
          <p:cNvSpPr>
            <a:spLocks noGrp="1"/>
          </p:cNvSpPr>
          <p:nvPr>
            <p:ph type="title" hasCustomPrompt="1"/>
          </p:nvPr>
        </p:nvSpPr>
        <p:spPr>
          <a:xfrm>
            <a:off x="1002960" y="2607983"/>
            <a:ext cx="10200178" cy="1642764"/>
          </a:xfrm>
          <a:prstGeom prst="rect">
            <a:avLst/>
          </a:prstGeom>
        </p:spPr>
        <p:txBody>
          <a:bodyPr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112003308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 advTm="2000">
        <p159:morph option="byObject"/>
      </p:transition>
    </mc:Choice>
    <mc:Fallback xmlns="">
      <p:transition spd="slow" advTm="2000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3">
            <a:extLst>
              <a:ext uri="{FF2B5EF4-FFF2-40B4-BE49-F238E27FC236}">
                <a16:creationId xmlns:a16="http://schemas.microsoft.com/office/drawing/2014/main" id="{764A5F45-4E03-694E-99BD-CAFC27E7028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0"/>
            <a:ext cx="12193174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1D19A23-90CD-0347-AA12-B7E97D7584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838200"/>
            <a:ext cx="12188800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26" name="Content Placeholder 25">
            <a:extLst>
              <a:ext uri="{FF2B5EF4-FFF2-40B4-BE49-F238E27FC236}">
                <a16:creationId xmlns:a16="http://schemas.microsoft.com/office/drawing/2014/main" id="{0C621351-91DC-6E43-B593-F57552831126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0" y="1447800"/>
            <a:ext cx="12188825" cy="4343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531482"/>
      </p:ext>
    </p:extLst>
  </p:cSld>
  <p:clrMapOvr>
    <a:masterClrMapping/>
  </p:clrMapOvr>
  <p:transition spd="slow"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4929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750" advTm="3000"/>
    </mc:Choice>
    <mc:Fallback xmlns="">
      <p:transition spd="slow" advTm="3000"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3">
            <a:extLst>
              <a:ext uri="{FF2B5EF4-FFF2-40B4-BE49-F238E27FC236}">
                <a16:creationId xmlns:a16="http://schemas.microsoft.com/office/drawing/2014/main" id="{764A5F45-4E03-694E-99BD-CAFC27E7028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0"/>
            <a:ext cx="12193174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1D19A23-90CD-0347-AA12-B7E97D7584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838200"/>
            <a:ext cx="12188800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26" name="Content Placeholder 25">
            <a:extLst>
              <a:ext uri="{FF2B5EF4-FFF2-40B4-BE49-F238E27FC236}">
                <a16:creationId xmlns:a16="http://schemas.microsoft.com/office/drawing/2014/main" id="{0C621351-91DC-6E43-B593-F57552831126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0" y="1447800"/>
            <a:ext cx="12188825" cy="4343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5819597"/>
      </p:ext>
    </p:extLst>
  </p:cSld>
  <p:clrMapOvr>
    <a:masterClrMapping/>
  </p:clrMapOvr>
  <p:transition spd="slow"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CB94DE98-2EFE-3B4C-B4F7-32A5AFC9E22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647881"/>
      </p:ext>
    </p:extLst>
  </p:cSld>
  <p:clrMapOvr>
    <a:masterClrMapping/>
  </p:clrMapOvr>
  <p:transition spd="slow"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39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C8C099C-5F23-6747-A694-B4882AC5416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144145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8A59398-6AD6-3049-9E60-E46A34EE5D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694E60-B9E5-CF4F-9954-FA5D17E32D0F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652963" y="1441450"/>
            <a:ext cx="7534275" cy="4110038"/>
          </a:xfrm>
        </p:spPr>
        <p:txBody>
          <a:bodyPr lIns="0" rIns="36576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64847555"/>
      </p:ext>
    </p:extLst>
  </p:cSld>
  <p:clrMapOvr>
    <a:masterClrMapping/>
  </p:clrMapOvr>
  <p:transition spd="slow"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CB94DE98-2EFE-3B4C-B4F7-32A5AFC9E22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882430"/>
      </p:ext>
    </p:extLst>
  </p:cSld>
  <p:clrMapOvr>
    <a:masterClrMapping/>
  </p:clrMapOvr>
  <p:transition spd="slow"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39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91440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390F10-10FE-464B-82D1-61809E9E3B8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4652963" y="914400"/>
            <a:ext cx="7535862" cy="4110038"/>
          </a:xfrm>
        </p:spPr>
        <p:txBody>
          <a:bodyPr lIns="9144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fontAlgn="auto">
              <a:spcAft>
                <a:spcPts val="0"/>
              </a:spcAft>
              <a:defRPr/>
            </a:lvl9pPr>
          </a:lstStyle>
          <a:p>
            <a:pPr lvl="0" fontAlgn="auto">
              <a:spcAft>
                <a:spcPts val="0"/>
              </a:spcAft>
            </a:pPr>
            <a:r>
              <a:rPr lang="en-US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898189651"/>
      </p:ext>
    </p:extLst>
  </p:cSld>
  <p:clrMapOvr>
    <a:masterClrMapping/>
  </p:clrMapOvr>
  <p:transition spd="slow"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2co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390F10-10FE-464B-82D1-61809E9E3B8A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094412" y="914400"/>
            <a:ext cx="5209994" cy="4110038"/>
          </a:xfrm>
        </p:spPr>
        <p:txBody>
          <a:bodyPr lIns="9144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fontAlgn="auto">
              <a:spcAft>
                <a:spcPts val="0"/>
              </a:spcAft>
              <a:defRPr/>
            </a:lvl9pPr>
          </a:lstStyle>
          <a:p>
            <a:pPr lvl="0" fontAlgn="auto">
              <a:spcAft>
                <a:spcPts val="0"/>
              </a:spcAft>
            </a:pPr>
            <a:r>
              <a:rPr lang="en-US" dirty="0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 dirty="0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 dirty="0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 dirty="0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 dirty="0"/>
              <a:t>Fifth level 16pt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B10447D7-5E58-B941-8AE7-1830083BA868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02050" y="914400"/>
            <a:ext cx="5209993" cy="4110038"/>
          </a:xfrm>
        </p:spPr>
        <p:txBody>
          <a:bodyPr lIns="9144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fontAlgn="auto">
              <a:spcAft>
                <a:spcPts val="0"/>
              </a:spcAft>
              <a:defRPr/>
            </a:lvl9pPr>
          </a:lstStyle>
          <a:p>
            <a:pPr lvl="0" fontAlgn="auto">
              <a:spcAft>
                <a:spcPts val="0"/>
              </a:spcAft>
            </a:pPr>
            <a:r>
              <a:rPr lang="en-US" dirty="0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 dirty="0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 dirty="0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 dirty="0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3153352391"/>
      </p:ext>
    </p:extLst>
  </p:cSld>
  <p:clrMapOvr>
    <a:masterClrMapping/>
  </p:clrMapOvr>
  <p:transition spd="slow"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2col spli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D3E9D85-7922-644D-80EF-5833B016C1A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-1590" y="1463399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C86F424-B541-E942-A15F-1040948EA70E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773" y="3335339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72C1B48-B458-9B4A-AC80-C059C5E79AB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3540F6B5-598B-8940-AA85-F542E3B8BABA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-1590" y="3707836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08F2D184-B931-8C44-8000-3E1AB90FC54C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773" y="5579776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9ABC27F1-84EB-9343-BD67-0129ECFE0C7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D6961E-3D9D-CC4E-A7EF-FC7D553E6B7D}"/>
              </a:ext>
            </a:extLst>
          </p:cNvPr>
          <p:cNvSpPr>
            <a:spLocks noGrp="1"/>
          </p:cNvSpPr>
          <p:nvPr>
            <p:ph sz="quarter" idx="23"/>
          </p:nvPr>
        </p:nvSpPr>
        <p:spPr>
          <a:xfrm>
            <a:off x="4722813" y="1463675"/>
            <a:ext cx="7466012" cy="4475163"/>
          </a:xfrm>
        </p:spPr>
        <p:txBody>
          <a:bodyPr lIns="0" rIns="36576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4359112"/>
      </p:ext>
    </p:extLst>
  </p:cSld>
  <p:clrMapOvr>
    <a:masterClrMapping/>
  </p:clrMapOvr>
  <p:transition spd="slow"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2col spli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D3E9D85-7922-644D-80EF-5833B016C1A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-1590" y="837924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C86F424-B541-E942-A15F-1040948EA70E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773" y="2709864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72C1B48-B458-9B4A-AC80-C059C5E79AB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3540F6B5-598B-8940-AA85-F542E3B8BABA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-1590" y="3082361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08F2D184-B931-8C44-8000-3E1AB90FC54C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773" y="4954301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D6961E-3D9D-CC4E-A7EF-FC7D553E6B7D}"/>
              </a:ext>
            </a:extLst>
          </p:cNvPr>
          <p:cNvSpPr>
            <a:spLocks noGrp="1"/>
          </p:cNvSpPr>
          <p:nvPr>
            <p:ph sz="quarter" idx="23"/>
          </p:nvPr>
        </p:nvSpPr>
        <p:spPr>
          <a:xfrm>
            <a:off x="4722813" y="838200"/>
            <a:ext cx="7466012" cy="4475163"/>
          </a:xfrm>
        </p:spPr>
        <p:txBody>
          <a:bodyPr lIns="0" rIns="36576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75902040"/>
      </p:ext>
    </p:extLst>
  </p:cSld>
  <p:clrMapOvr>
    <a:masterClrMapping/>
  </p:clrMapOvr>
  <p:transition spd="slow"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6215633B-9B2F-5C4F-AD19-F592F6F2860B}"/>
              </a:ext>
            </a:extLst>
          </p:cNvPr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4382105"/>
      </p:ext>
    </p:extLst>
  </p:cSld>
  <p:clrMapOvr>
    <a:masterClrMapping/>
  </p:clrMapOvr>
  <p:transition spd="slow"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6C52633-0CD5-2C49-9D54-8292C7B8057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0"/>
            <a:ext cx="12188825" cy="6340010"/>
          </a:xfrm>
          <a:prstGeom prst="rect">
            <a:avLst/>
          </a:prstGeom>
        </p:spPr>
      </p:pic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81962033-A04B-1449-9117-FB3D1AAD882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3E11E80-5A71-5447-8A31-DA35F0154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EA6C24CC-BD4D-EB49-9B4A-15DF5101E33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-1344" y="1431925"/>
            <a:ext cx="12190143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3789877142"/>
      </p:ext>
    </p:extLst>
  </p:cSld>
  <p:clrMapOvr>
    <a:masterClrMapping/>
  </p:clrMapOvr>
  <p:transition spd="slow"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B24A64E-C317-A648-8273-45539651461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0" name="Title Placeholder 3">
            <a:extLst>
              <a:ext uri="{FF2B5EF4-FFF2-40B4-BE49-F238E27FC236}">
                <a16:creationId xmlns:a16="http://schemas.microsoft.com/office/drawing/2014/main" id="{4DB15AD8-D8ED-A64E-8683-5800D5987A7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81962033-A04B-1449-9117-FB3D1AAD882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</p:spTree>
    <p:extLst>
      <p:ext uri="{BB962C8B-B14F-4D97-AF65-F5344CB8AC3E}">
        <p14:creationId xmlns:p14="http://schemas.microsoft.com/office/powerpoint/2010/main" val="4073111333"/>
      </p:ext>
    </p:extLst>
  </p:cSld>
  <p:clrMapOvr>
    <a:masterClrMapping/>
  </p:clrMapOvr>
  <p:transition spd="slow"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2col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C590121B-938F-384E-BAA7-A3E189C3B63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2" name="Title Placeholder 3">
            <a:extLst>
              <a:ext uri="{FF2B5EF4-FFF2-40B4-BE49-F238E27FC236}">
                <a16:creationId xmlns:a16="http://schemas.microsoft.com/office/drawing/2014/main" id="{6C3E3728-C57A-FA49-B702-2C00C055BA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CBA9D257-3B3C-E54E-9B78-925DE8F9567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D3E9D85-7922-644D-80EF-5833B016C1A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542211" y="144145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10D625B-E13A-F24B-A4E2-F1E2DF61B4AF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-1343" y="1431925"/>
            <a:ext cx="7536631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485779574"/>
      </p:ext>
    </p:extLst>
  </p:cSld>
  <p:clrMapOvr>
    <a:masterClrMapping/>
  </p:clrMapOvr>
  <p:transition spd="slow"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2col spli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26509C26-5CB6-244F-8499-3441EABDC0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2" name="Title Placeholder 3">
            <a:extLst>
              <a:ext uri="{FF2B5EF4-FFF2-40B4-BE49-F238E27FC236}">
                <a16:creationId xmlns:a16="http://schemas.microsoft.com/office/drawing/2014/main" id="{B65187CC-B17D-DB4E-8E30-290B470FCBA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5F8D38FA-6E3B-B64C-8833-4DA696DE40D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D3E9D85-7922-644D-80EF-5833B016C1A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565960" y="1463399"/>
            <a:ext cx="4646613" cy="1851027"/>
          </a:xfrm>
          <a:prstGeom prst="rect">
            <a:avLst/>
          </a:prstGeom>
        </p:spPr>
        <p:txBody>
          <a:bodyPr anchor="ctr" anchorCtr="0"/>
          <a:lstStyle>
            <a:lvl1pPr algn="ctr">
              <a:defRPr sz="16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C86F424-B541-E942-A15F-1040948EA70E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7569323" y="3335339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3540F6B5-598B-8940-AA85-F542E3B8BABA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565960" y="3707836"/>
            <a:ext cx="4646613" cy="1851027"/>
          </a:xfrm>
          <a:prstGeom prst="rect">
            <a:avLst/>
          </a:prstGeom>
        </p:spPr>
        <p:txBody>
          <a:bodyPr anchor="ctr" anchorCtr="0"/>
          <a:lstStyle>
            <a:lvl1pPr algn="ctr">
              <a:defRPr sz="16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08F2D184-B931-8C44-8000-3E1AB90FC54C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7569323" y="5579776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CC75E49-7382-EE42-A20F-BC8B3227204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0" y="1460619"/>
            <a:ext cx="7536631" cy="4477931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3861267821"/>
      </p:ext>
    </p:extLst>
  </p:cSld>
  <p:clrMapOvr>
    <a:masterClrMapping/>
  </p:clrMapOvr>
  <p:transition spd="slow"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3D847C74-D347-754E-805B-5DEBAC55052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5" name="Title Placeholder 3">
            <a:extLst>
              <a:ext uri="{FF2B5EF4-FFF2-40B4-BE49-F238E27FC236}">
                <a16:creationId xmlns:a16="http://schemas.microsoft.com/office/drawing/2014/main" id="{B8B4BB77-F3B2-4042-A68C-3DA9DCD1CE7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EFDD56D9-99B7-CF42-B21F-117A63CBFEA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144145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4C565C5-9654-3B4D-8D89-8C2DC91DEC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62133" y="1460619"/>
            <a:ext cx="7384093" cy="4109631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3850731822"/>
      </p:ext>
    </p:extLst>
  </p:cSld>
  <p:clrMapOvr>
    <a:masterClrMapping/>
  </p:clrMapOvr>
  <p:transition spd="slow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C8C099C-5F23-6747-A694-B4882AC5416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144145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8A59398-6AD6-3049-9E60-E46A34EE5D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0AD9B506-6CB0-7F40-8984-41B7F0FDF42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52169" y="1431925"/>
            <a:ext cx="7191452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4273308804"/>
      </p:ext>
    </p:extLst>
  </p:cSld>
  <p:clrMapOvr>
    <a:masterClrMapping/>
  </p:clrMapOvr>
  <p:transition spd="slow"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2col spli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FE80436A-6816-3346-8229-5085585C818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3" name="Title Placeholder 3">
            <a:extLst>
              <a:ext uri="{FF2B5EF4-FFF2-40B4-BE49-F238E27FC236}">
                <a16:creationId xmlns:a16="http://schemas.microsoft.com/office/drawing/2014/main" id="{3A48AA83-3730-374C-89DB-685AD81EE91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32D3B8CE-39FF-664F-9A24-641EBD430D4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D3E9D85-7922-644D-80EF-5833B016C1A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-1590" y="1463399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C86F424-B541-E942-A15F-1040948EA70E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773" y="3335339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3540F6B5-598B-8940-AA85-F542E3B8BABA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-1590" y="3707836"/>
            <a:ext cx="4646613" cy="1851027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08F2D184-B931-8C44-8000-3E1AB90FC54C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773" y="5579776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9AB7487D-34EE-0C42-8C6A-138FD96BE38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45023" y="1460619"/>
            <a:ext cx="7536631" cy="4477931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3837888172"/>
      </p:ext>
    </p:extLst>
  </p:cSld>
  <p:clrMapOvr>
    <a:masterClrMapping/>
  </p:clrMapOvr>
  <p:transition spd="slow"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ue - 2co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3D847C74-D347-754E-805B-5DEBAC55052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529"/>
          <a:stretch/>
        </p:blipFill>
        <p:spPr>
          <a:xfrm>
            <a:off x="0" y="893"/>
            <a:ext cx="12188825" cy="6340010"/>
          </a:xfrm>
          <a:prstGeom prst="rect">
            <a:avLst/>
          </a:prstGeom>
        </p:spPr>
      </p:pic>
      <p:sp>
        <p:nvSpPr>
          <p:cNvPr id="15" name="Title Placeholder 3">
            <a:extLst>
              <a:ext uri="{FF2B5EF4-FFF2-40B4-BE49-F238E27FC236}">
                <a16:creationId xmlns:a16="http://schemas.microsoft.com/office/drawing/2014/main" id="{B8B4BB77-F3B2-4042-A68C-3DA9DCD1CE7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EFDD56D9-99B7-CF42-B21F-117A63CBFEA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98149B5A-4DB7-ED4E-B717-6B64BD0910B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0" y="1460620"/>
            <a:ext cx="5598083" cy="4477930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7B78E24-9297-AE42-9CB9-34746B7E0470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5754756" y="1460619"/>
            <a:ext cx="5598083" cy="4477931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b="1">
                <a:solidFill>
                  <a:schemeClr val="bg1"/>
                </a:solidFill>
              </a:defRPr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2501436927"/>
      </p:ext>
    </p:extLst>
  </p:cSld>
  <p:clrMapOvr>
    <a:masterClrMapping/>
  </p:clrMapOvr>
  <p:transition spd="slow"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4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DF8ECDF6-A8D7-7642-B9CB-98A17BA66EE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" b="-8141"/>
          <a:stretch/>
        </p:blipFill>
        <p:spPr>
          <a:xfrm>
            <a:off x="0" y="893"/>
            <a:ext cx="12188825" cy="6856214"/>
          </a:xfrm>
          <a:prstGeom prst="rect">
            <a:avLst/>
          </a:prstGeom>
        </p:spPr>
      </p:pic>
      <p:sp>
        <p:nvSpPr>
          <p:cNvPr id="23" name="Title Placeholder 3">
            <a:extLst>
              <a:ext uri="{FF2B5EF4-FFF2-40B4-BE49-F238E27FC236}">
                <a16:creationId xmlns:a16="http://schemas.microsoft.com/office/drawing/2014/main" id="{FD5ABFFD-1EE3-F44F-BF7D-3E468158674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itle goes here (less than 6/7 words)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CCEC1CBA-86D3-454B-954E-17470D9F96D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>
              <a:defRPr sz="2800" b="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016FC9B-9BB0-0049-862D-AF21C30D699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978357" y="1676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E43FD9A-A0FE-8048-9A10-9ECC98335C6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84212" y="3242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7B59B903-9B82-E84D-B7E8-B46CE44856D5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757612" y="1676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4" name="Text Placeholder 6">
            <a:extLst>
              <a:ext uri="{FF2B5EF4-FFF2-40B4-BE49-F238E27FC236}">
                <a16:creationId xmlns:a16="http://schemas.microsoft.com/office/drawing/2014/main" id="{21D42F94-85C1-2646-A8B6-9214271CBFC6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463467" y="3242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B3E92A5B-3D85-E94B-9EE8-2BF4201A549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6540957" y="1676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8EF276B3-DA45-274A-8B79-FBAB534ECC9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6246812" y="3242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Picture Placeholder 2">
            <a:extLst>
              <a:ext uri="{FF2B5EF4-FFF2-40B4-BE49-F238E27FC236}">
                <a16:creationId xmlns:a16="http://schemas.microsoft.com/office/drawing/2014/main" id="{2A21C369-5D41-604E-8169-6530C1BA4BB7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9313834" y="1676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9" name="Text Placeholder 6">
            <a:extLst>
              <a:ext uri="{FF2B5EF4-FFF2-40B4-BE49-F238E27FC236}">
                <a16:creationId xmlns:a16="http://schemas.microsoft.com/office/drawing/2014/main" id="{8F8FBBF8-FB80-6B4A-99DA-ED78FE33099D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9019689" y="3242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15248112"/>
      </p:ext>
    </p:extLst>
  </p:cSld>
  <p:clrMapOvr>
    <a:masterClrMapping/>
  </p:clrMapOvr>
  <p:transition spd="slow"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EB62246-8B2A-634D-BED7-2B30C0599D8C}"/>
              </a:ext>
            </a:extLst>
          </p:cNvPr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1691888"/>
      </p:ext>
    </p:extLst>
  </p:cSld>
  <p:clrMapOvr>
    <a:masterClrMapping/>
  </p:clrMapOvr>
  <p:transition spd="slow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914400"/>
            <a:ext cx="4646613" cy="4109631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EC3FD9CC-E1A0-C94C-80FE-6218ED14EA6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52169" y="914400"/>
            <a:ext cx="7191452" cy="4636681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2226712166"/>
      </p:ext>
    </p:extLst>
  </p:cSld>
  <p:clrMapOvr>
    <a:masterClrMapping/>
  </p:clrMapOvr>
  <p:transition spd="slow"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914401"/>
            <a:ext cx="4646613" cy="2362199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6E14D26-88A4-D04F-85CF-3324CCE23DC1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3810000"/>
            <a:ext cx="4652963" cy="1769776"/>
          </a:xfrm>
        </p:spPr>
        <p:txBody>
          <a:bodyPr anchor="ctr" anchorCtr="0">
            <a:normAutofit/>
          </a:bodyPr>
          <a:lstStyle>
            <a:lvl1pPr marL="0" indent="-182880" algn="ctr" defTabSz="1218354" rtl="0" eaLnBrk="1" latinLnBrk="0" hangingPunct="1">
              <a:lnSpc>
                <a:spcPct val="90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1600" b="0" i="0" kern="1200" baseline="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803C867E-D1DF-854E-A3B6-37E30E679AF7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773" y="3276600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AE826B39-803B-464E-9A64-BBD4330A719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773" y="5579776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54331EDF-7CED-1844-A31E-B823A0909D5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48384" y="914401"/>
            <a:ext cx="7195237" cy="5024150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2775379147"/>
      </p:ext>
    </p:extLst>
  </p:cSld>
  <p:clrMapOvr>
    <a:masterClrMapping/>
  </p:clrMapOvr>
  <p:transition spd="slow"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2co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8AED133-7082-1C45-B2F3-B45C4CE38D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EBC75EC2-939A-FD4E-93EB-EB18AF57A20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56" y="1300450"/>
            <a:ext cx="4646613" cy="2362199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6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6E14D26-88A4-D04F-85CF-3324CCE23DC1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4196049"/>
            <a:ext cx="4652963" cy="1769776"/>
          </a:xfrm>
        </p:spPr>
        <p:txBody>
          <a:bodyPr anchor="ctr" anchorCtr="0">
            <a:normAutofit/>
          </a:bodyPr>
          <a:lstStyle>
            <a:lvl1pPr marL="0" indent="-182880" algn="ctr" defTabSz="1218354" rtl="0" eaLnBrk="1" latinLnBrk="0" hangingPunct="1">
              <a:lnSpc>
                <a:spcPct val="90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1600" b="0" i="0" kern="1200" baseline="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803C867E-D1DF-854E-A3B6-37E30E679AF7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1773" y="3662649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AE826B39-803B-464E-9A64-BBD4330A719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773" y="5965825"/>
            <a:ext cx="4646611" cy="358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7EBEA10C-7ED3-0D42-A2B0-A62361223B0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1FA9FB4D-F257-5D42-BB6B-4B5398D4833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648384" y="1300450"/>
            <a:ext cx="7195237" cy="5024150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701106419"/>
      </p:ext>
    </p:extLst>
  </p:cSld>
  <p:clrMapOvr>
    <a:masterClrMapping/>
  </p:clrMapOvr>
  <p:transition spd="slow"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White - 2 co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4C8C099C-5F23-6747-A694-B4882AC5416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-1343" y="838200"/>
            <a:ext cx="12190143" cy="457200"/>
          </a:xfrm>
          <a:prstGeom prst="rect">
            <a:avLst/>
          </a:prstGeom>
        </p:spPr>
        <p:txBody>
          <a:bodyPr lIns="365760" tIns="0" bIns="0" anchor="ctr" anchorCtr="0">
            <a:noAutofit/>
          </a:bodyPr>
          <a:lstStyle>
            <a:lvl1pPr>
              <a:defRPr sz="2800" b="0" i="0"/>
            </a:lvl1pPr>
          </a:lstStyle>
          <a:p>
            <a:pPr lvl="0"/>
            <a:r>
              <a:rPr lang="en-US"/>
              <a:t>Subtitle copy goes her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8A59398-6AD6-3049-9E60-E46A34EE5D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F42BA4FC-8296-194A-9DDB-AD1C9149583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094412" y="1431925"/>
            <a:ext cx="5749209" cy="450662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97210B58-946A-5B42-9C03-89671446525B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1725" y="1431925"/>
            <a:ext cx="5749209" cy="450662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1153647717"/>
      </p:ext>
    </p:extLst>
  </p:cSld>
  <p:clrMapOvr>
    <a:masterClrMapping/>
  </p:clrMapOvr>
  <p:transition spd="slow"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cons with labe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D016FC9B-9BB0-0049-862D-AF21C30D699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978357" y="1295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E43FD9A-A0FE-8048-9A10-9ECC98335C6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84212" y="2861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7B59B903-9B82-E84D-B7E8-B46CE44856D5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757612" y="1295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4" name="Text Placeholder 6">
            <a:extLst>
              <a:ext uri="{FF2B5EF4-FFF2-40B4-BE49-F238E27FC236}">
                <a16:creationId xmlns:a16="http://schemas.microsoft.com/office/drawing/2014/main" id="{21D42F94-85C1-2646-A8B6-9214271CBFC6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463467" y="2861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B3E92A5B-3D85-E94B-9EE8-2BF4201A549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6540957" y="1295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8EF276B3-DA45-274A-8B79-FBAB534ECC9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6246812" y="2861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Picture Placeholder 2">
            <a:extLst>
              <a:ext uri="{FF2B5EF4-FFF2-40B4-BE49-F238E27FC236}">
                <a16:creationId xmlns:a16="http://schemas.microsoft.com/office/drawing/2014/main" id="{2A21C369-5D41-604E-8169-6530C1BA4BB7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9313834" y="1295400"/>
            <a:ext cx="1809709" cy="1529775"/>
          </a:xfrm>
          <a:prstGeom prst="rect">
            <a:avLst/>
          </a:prstGeom>
        </p:spPr>
        <p:txBody>
          <a:bodyPr lIns="0" rIns="0" bIns="0" anchor="ctr" anchorCtr="0"/>
          <a:lstStyle>
            <a:lvl1pPr algn="ctr">
              <a:defRPr sz="2000" b="0" i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9" name="Text Placeholder 6">
            <a:extLst>
              <a:ext uri="{FF2B5EF4-FFF2-40B4-BE49-F238E27FC236}">
                <a16:creationId xmlns:a16="http://schemas.microsoft.com/office/drawing/2014/main" id="{8F8FBBF8-FB80-6B4A-99DA-ED78FE33099D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9019689" y="2861974"/>
            <a:ext cx="2408723" cy="183586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 sz="2400" b="1" i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27BB870-C6C9-1342-9EE3-891C98EC807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0546645"/>
      </p:ext>
    </p:extLst>
  </p:cSld>
  <p:clrMapOvr>
    <a:masterClrMapping/>
  </p:clrMapOvr>
  <p:transition spd="slow"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0463A49-588E-F540-8A01-C9DEBDC615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7629"/>
          <a:stretch/>
        </p:blipFill>
        <p:spPr>
          <a:xfrm>
            <a:off x="0" y="-9525"/>
            <a:ext cx="12188825" cy="6333151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A8657388-EB59-814E-9C62-C39EBF41A7D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-3" y="1845585"/>
            <a:ext cx="12188825" cy="1888216"/>
          </a:xfrm>
        </p:spPr>
        <p:txBody>
          <a:bodyPr lIns="0" tIns="0" rIns="0" bIns="0" anchor="ctr">
            <a:noAutofit/>
          </a:bodyPr>
          <a:lstStyle>
            <a:lvl1pPr algn="ctr">
              <a:lnSpc>
                <a:spcPct val="100000"/>
              </a:lnSpc>
              <a:spcBef>
                <a:spcPts val="0"/>
              </a:spcBef>
              <a:defRPr sz="6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Title of presentation </a:t>
            </a:r>
          </a:p>
          <a:p>
            <a:pPr lvl="0"/>
            <a:r>
              <a:rPr lang="en-US" dirty="0"/>
              <a:t>goes here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BCE21FEE-95A8-7945-B853-F37B450FD8A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543172" y="4008438"/>
            <a:ext cx="7102475" cy="517525"/>
          </a:xfrm>
        </p:spPr>
        <p:txBody>
          <a:bodyPr lIns="0" tIns="0" rIns="0" bIns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name goes here</a:t>
            </a:r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0CDAAA05-1CB9-E147-A8D9-A8E5468804D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43172" y="4663498"/>
            <a:ext cx="7102475" cy="452438"/>
          </a:xfrm>
        </p:spPr>
        <p:txBody>
          <a:bodyPr lIns="0" tIns="0" rIns="0" bIns="0" anchor="ctr">
            <a:normAutofit/>
          </a:bodyPr>
          <a:lstStyle>
            <a:lvl1pPr algn="ctr">
              <a:defRPr sz="2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resenter’s titl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AC8ACF8E-23FB-9447-85B7-3F8CEBF21FA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543172" y="5253471"/>
            <a:ext cx="7102475" cy="314757"/>
          </a:xfrm>
        </p:spPr>
        <p:txBody>
          <a:bodyPr lIns="0" tIns="0" rIns="0" bIns="0" anchor="ctr">
            <a:normAutofit/>
          </a:bodyPr>
          <a:lstStyle>
            <a:lvl1pPr algn="ctr">
              <a:defRPr sz="1800" b="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313653247"/>
      </p:ext>
    </p:extLst>
  </p:cSld>
  <p:clrMapOvr>
    <a:masterClrMapping/>
  </p:clrMapOvr>
  <p:transition spd="slow"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5" Type="http://schemas.openxmlformats.org/officeDocument/2006/relationships/slideLayout" Target="../slideLayouts/slideLayout21.xml"/><Relationship Id="rId10" Type="http://schemas.openxmlformats.org/officeDocument/2006/relationships/image" Target="../media/image5.emf"/><Relationship Id="rId4" Type="http://schemas.openxmlformats.org/officeDocument/2006/relationships/slideLayout" Target="../slideLayouts/slideLayout20.xml"/><Relationship Id="rId9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29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55C9552-46AD-8743-84B7-59FCDC01853F}"/>
              </a:ext>
            </a:extLst>
          </p:cNvPr>
          <p:cNvSpPr txBox="1"/>
          <p:nvPr userDrawn="1"/>
        </p:nvSpPr>
        <p:spPr>
          <a:xfrm>
            <a:off x="535276" y="6629400"/>
            <a:ext cx="1785745" cy="1077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0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86F6421-8897-7341-B9A9-5AABF2D9C7B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27978" y="6480193"/>
            <a:ext cx="1015643" cy="255456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2199CF6-6413-4442-AE9E-F88AAE5067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289" y="762000"/>
            <a:ext cx="12186536" cy="442753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/>
          <a:p>
            <a:pPr lvl="0" fontAlgn="auto">
              <a:spcAft>
                <a:spcPts val="0"/>
              </a:spcAft>
            </a:pPr>
            <a:r>
              <a:rPr lang="en-US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/>
              <a:t>Fifth level 16pt</a:t>
            </a:r>
          </a:p>
          <a:p>
            <a:pPr lvl="5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6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7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8" fontAlgn="auto">
              <a:spcAft>
                <a:spcPts val="0"/>
              </a:spcAft>
            </a:pPr>
            <a:r>
              <a:rPr lang="en-US"/>
              <a:t>Capti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025F4ED-B7D5-6848-B4C9-2615D4847464}"/>
              </a:ext>
            </a:extLst>
          </p:cNvPr>
          <p:cNvSpPr txBox="1"/>
          <p:nvPr userDrawn="1"/>
        </p:nvSpPr>
        <p:spPr>
          <a:xfrm>
            <a:off x="201970" y="6597150"/>
            <a:ext cx="304801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fld id="{86D7B837-A870-7140-97D6-78C0CF6DBAFB}" type="slidenum">
              <a:rPr lang="en-US" sz="900" smtClean="0">
                <a:solidFill>
                  <a:schemeClr val="accent3"/>
                </a:solidFill>
              </a:rPr>
              <a:pPr algn="l"/>
              <a:t>‹#›</a:t>
            </a:fld>
            <a:r>
              <a:rPr lang="en-US" sz="700">
                <a:solidFill>
                  <a:schemeClr val="accent3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866714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28" r:id="rId1"/>
    <p:sldLayoutId id="2147484220" r:id="rId2"/>
    <p:sldLayoutId id="2147484200" r:id="rId3"/>
    <p:sldLayoutId id="2147484221" r:id="rId4"/>
    <p:sldLayoutId id="2147484252" r:id="rId5"/>
    <p:sldLayoutId id="2147484253" r:id="rId6"/>
    <p:sldLayoutId id="2147484264" r:id="rId7"/>
    <p:sldLayoutId id="2147484203" r:id="rId8"/>
    <p:sldLayoutId id="2147484269" r:id="rId9"/>
    <p:sldLayoutId id="2147484267" r:id="rId10"/>
    <p:sldLayoutId id="2147484268" r:id="rId11"/>
    <p:sldLayoutId id="2147484270" r:id="rId12"/>
    <p:sldLayoutId id="2147484263" r:id="rId13"/>
    <p:sldLayoutId id="2147484271" r:id="rId14"/>
    <p:sldLayoutId id="2147484272" r:id="rId15"/>
    <p:sldLayoutId id="2147484273" r:id="rId16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-18288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8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36576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54864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tabLst/>
        <a:defRPr sz="18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704088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tabLst/>
        <a:defRPr sz="16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0" indent="0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None/>
        <a:defRPr lang="en-US" sz="1000" b="0" i="0" kern="1200" baseline="0" dirty="0" smtClean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6pPr>
      <a:lvl7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8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600" kern="1200">
          <a:solidFill>
            <a:schemeClr val="tx1"/>
          </a:solidFill>
          <a:latin typeface="+mn-lt"/>
          <a:ea typeface="+mn-ea"/>
          <a:cs typeface="+mn-cs"/>
        </a:defRPr>
      </a:lvl8pPr>
      <a:lvl9pPr marL="0" marR="0" indent="0" algn="l" defTabSz="1218354" rtl="0" eaLnBrk="1" fontAlgn="auto" latinLnBrk="0" hangingPunct="1">
        <a:lnSpc>
          <a:spcPct val="90000"/>
        </a:lnSpc>
        <a:spcBef>
          <a:spcPts val="600"/>
        </a:spcBef>
        <a:spcAft>
          <a:spcPts val="0"/>
        </a:spcAft>
        <a:buClr>
          <a:schemeClr val="bg2"/>
        </a:buClr>
        <a:buSzPct val="110000"/>
        <a:buFont typeface="Arial" panose="020B0604020202020204" pitchFamily="34" charset="0"/>
        <a:buNone/>
        <a:tabLst/>
        <a:defRPr sz="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429" userDrawn="1">
          <p15:clr>
            <a:srgbClr val="F26B43"/>
          </p15:clr>
        </p15:guide>
        <p15:guide id="3" orient="horz" pos="348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2199CF6-6413-4442-AE9E-F88AAE5067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289" y="762000"/>
            <a:ext cx="12186536" cy="442753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/>
          <a:p>
            <a:pPr lvl="0" fontAlgn="auto">
              <a:spcAft>
                <a:spcPts val="0"/>
              </a:spcAft>
            </a:pPr>
            <a:r>
              <a:rPr lang="en-US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/>
              <a:t>Fifth level 16pt</a:t>
            </a:r>
          </a:p>
          <a:p>
            <a:pPr lvl="5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6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7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8" fontAlgn="auto">
              <a:spcAft>
                <a:spcPts val="0"/>
              </a:spcAft>
            </a:pPr>
            <a:r>
              <a:rPr lang="en-US"/>
              <a:t>Cap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759A2F1F-EC4E-A045-856F-36AB6C8D2139}"/>
              </a:ext>
            </a:extLst>
          </p:cNvPr>
          <p:cNvSpPr/>
          <p:nvPr userDrawn="1"/>
        </p:nvSpPr>
        <p:spPr>
          <a:xfrm>
            <a:off x="-2" y="6346329"/>
            <a:ext cx="12188825" cy="51167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9F983C4-3C69-E241-ADBD-A91FF23B449D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818812" y="6473469"/>
            <a:ext cx="1026512" cy="25021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FF45DA72-6BD1-DF4C-BCF2-3AB5E2328629}"/>
              </a:ext>
            </a:extLst>
          </p:cNvPr>
          <p:cNvSpPr txBox="1"/>
          <p:nvPr userDrawn="1"/>
        </p:nvSpPr>
        <p:spPr>
          <a:xfrm>
            <a:off x="504104" y="6629400"/>
            <a:ext cx="1785745" cy="1077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00">
                <a:solidFill>
                  <a:schemeClr val="bg1"/>
                </a:solidFill>
              </a:rPr>
              <a:t>© Cerner Corporation. All rights reserved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40C7ECA-A2C6-5146-B493-187EA7BE85BA}"/>
              </a:ext>
            </a:extLst>
          </p:cNvPr>
          <p:cNvSpPr txBox="1"/>
          <p:nvPr userDrawn="1"/>
        </p:nvSpPr>
        <p:spPr>
          <a:xfrm>
            <a:off x="201970" y="6597150"/>
            <a:ext cx="304801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fld id="{86D7B837-A870-7140-97D6-78C0CF6DBAFB}" type="slidenum">
              <a:rPr lang="en-US" sz="900" smtClean="0">
                <a:solidFill>
                  <a:schemeClr val="bg1"/>
                </a:solidFill>
              </a:rPr>
              <a:pPr algn="l"/>
              <a:t>‹#›</a:t>
            </a:fld>
            <a:r>
              <a:rPr lang="en-US" sz="700">
                <a:solidFill>
                  <a:schemeClr val="accent3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819093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30" r:id="rId1"/>
    <p:sldLayoutId id="2147484231" r:id="rId2"/>
    <p:sldLayoutId id="2147484232" r:id="rId3"/>
    <p:sldLayoutId id="2147484233" r:id="rId4"/>
    <p:sldLayoutId id="2147484266" r:id="rId5"/>
    <p:sldLayoutId id="2147484234" r:id="rId6"/>
    <p:sldLayoutId id="2147484254" r:id="rId7"/>
    <p:sldLayoutId id="2147484251" r:id="rId8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-18288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8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36576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54864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tabLst/>
        <a:defRPr sz="18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704088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Char char="•"/>
        <a:tabLst/>
        <a:defRPr sz="16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0" indent="0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None/>
        <a:defRPr lang="en-US" sz="1000" b="0" i="0" kern="1200" baseline="0" dirty="0" smtClean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6pPr>
      <a:lvl7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8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600" kern="1200">
          <a:solidFill>
            <a:schemeClr val="tx1"/>
          </a:solidFill>
          <a:latin typeface="+mn-lt"/>
          <a:ea typeface="+mn-ea"/>
          <a:cs typeface="+mn-cs"/>
        </a:defRPr>
      </a:lvl8pPr>
      <a:lvl9pPr marL="0" marR="0" indent="0" algn="l" defTabSz="1218354" rtl="0" eaLnBrk="1" fontAlgn="auto" latinLnBrk="0" hangingPunct="1">
        <a:lnSpc>
          <a:spcPct val="90000"/>
        </a:lnSpc>
        <a:spcBef>
          <a:spcPts val="600"/>
        </a:spcBef>
        <a:spcAft>
          <a:spcPts val="0"/>
        </a:spcAft>
        <a:buClr>
          <a:schemeClr val="bg2"/>
        </a:buClr>
        <a:buSzPct val="110000"/>
        <a:buFont typeface="Arial" panose="020B0604020202020204" pitchFamily="34" charset="0"/>
        <a:buNone/>
        <a:tabLst/>
        <a:defRPr sz="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429">
          <p15:clr>
            <a:srgbClr val="F26B43"/>
          </p15:clr>
        </p15:guide>
        <p15:guide id="3" orient="horz" pos="3488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6" y="0"/>
            <a:ext cx="12186537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55C9552-46AD-8743-84B7-59FCDC01853F}"/>
              </a:ext>
            </a:extLst>
          </p:cNvPr>
          <p:cNvSpPr txBox="1"/>
          <p:nvPr userDrawn="1"/>
        </p:nvSpPr>
        <p:spPr>
          <a:xfrm>
            <a:off x="379411" y="6629400"/>
            <a:ext cx="1785745" cy="1077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0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86F6421-8897-7341-B9A9-5AABF2D9C7BD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27978" y="6480193"/>
            <a:ext cx="1015643" cy="255456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2199CF6-6413-4442-AE9E-F88AAE5067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289" y="762000"/>
            <a:ext cx="12186536" cy="442753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/>
          <a:p>
            <a:pPr lvl="0" fontAlgn="auto">
              <a:spcAft>
                <a:spcPts val="0"/>
              </a:spcAft>
            </a:pPr>
            <a:r>
              <a:rPr lang="en-US"/>
              <a:t>Edit Master text styles 28pt</a:t>
            </a:r>
          </a:p>
          <a:p>
            <a:pPr lvl="1" fontAlgn="auto">
              <a:spcAft>
                <a:spcPts val="0"/>
              </a:spcAft>
            </a:pPr>
            <a:r>
              <a:rPr lang="en-US"/>
              <a:t>Second level 24pt</a:t>
            </a:r>
          </a:p>
          <a:p>
            <a:pPr lvl="2" fontAlgn="auto">
              <a:spcAft>
                <a:spcPts val="0"/>
              </a:spcAft>
            </a:pPr>
            <a:r>
              <a:rPr lang="en-US"/>
              <a:t>Third level 20pt</a:t>
            </a:r>
          </a:p>
          <a:p>
            <a:pPr lvl="3" fontAlgn="auto">
              <a:spcAft>
                <a:spcPts val="0"/>
              </a:spcAft>
            </a:pPr>
            <a:r>
              <a:rPr lang="en-US"/>
              <a:t>Fourth Level 18pt</a:t>
            </a:r>
          </a:p>
          <a:p>
            <a:pPr lvl="4" fontAlgn="auto">
              <a:spcAft>
                <a:spcPts val="0"/>
              </a:spcAft>
            </a:pPr>
            <a:r>
              <a:rPr lang="en-US"/>
              <a:t>Fifth level 16pt</a:t>
            </a:r>
          </a:p>
          <a:p>
            <a:pPr lvl="5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6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7" fontAlgn="auto">
              <a:spcAft>
                <a:spcPts val="0"/>
              </a:spcAft>
            </a:pPr>
            <a:r>
              <a:rPr lang="en-US"/>
              <a:t>Caption</a:t>
            </a:r>
          </a:p>
          <a:p>
            <a:pPr lvl="8" fontAlgn="auto">
              <a:spcAft>
                <a:spcPts val="0"/>
              </a:spcAft>
            </a:pPr>
            <a:r>
              <a:rPr lang="en-US"/>
              <a:t>Caption</a:t>
            </a:r>
          </a:p>
        </p:txBody>
      </p:sp>
    </p:spTree>
    <p:extLst>
      <p:ext uri="{BB962C8B-B14F-4D97-AF65-F5344CB8AC3E}">
        <p14:creationId xmlns:p14="http://schemas.microsoft.com/office/powerpoint/2010/main" val="23753286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37" r:id="rId1"/>
    <p:sldLayoutId id="2147484238" r:id="rId2"/>
    <p:sldLayoutId id="2147484239" r:id="rId3"/>
    <p:sldLayoutId id="2147484240" r:id="rId4"/>
    <p:sldLayoutId id="2147484241" r:id="rId5"/>
    <p:sldLayoutId id="2147484242" r:id="rId6"/>
    <p:sldLayoutId id="2147484265" r:id="rId7"/>
    <p:sldLayoutId id="2147484243" r:id="rId8"/>
    <p:sldLayoutId id="2147484249" r:id="rId9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bg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-18288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800" b="1" i="0" kern="1200" baseline="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accent2"/>
        </a:buClr>
        <a:buSzPct val="110000"/>
        <a:buFont typeface="Arial" panose="020B0604020202020204" pitchFamily="34" charset="0"/>
        <a:buChar char="•"/>
        <a:defRPr sz="2400" b="0" i="0" kern="120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2pPr>
      <a:lvl3pPr marL="36576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accent2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3pPr>
      <a:lvl4pPr marL="548640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1800" b="0" i="0" kern="1200" baseline="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4pPr>
      <a:lvl5pPr marL="704088" indent="-18288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1600" b="0" i="0" kern="120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5pPr>
      <a:lvl6pPr marL="0" indent="0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None/>
        <a:defRPr lang="en-US" sz="1000" b="0" i="0" kern="1200" baseline="0" dirty="0" smtClean="0">
          <a:solidFill>
            <a:schemeClr val="bg1"/>
          </a:solidFill>
          <a:latin typeface="+mn-lt"/>
          <a:ea typeface="+mn-ea"/>
          <a:cs typeface="Arial Narrow" panose="020B0604020202020204" pitchFamily="34" charset="0"/>
        </a:defRPr>
      </a:lvl6pPr>
      <a:lvl7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800" kern="1200">
          <a:solidFill>
            <a:schemeClr val="bg1"/>
          </a:solidFill>
          <a:latin typeface="+mn-lt"/>
          <a:ea typeface="+mn-ea"/>
          <a:cs typeface="+mn-cs"/>
        </a:defRPr>
      </a:lvl7pPr>
      <a:lvl8pPr marL="0" indent="0" algn="l" defTabSz="1218354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Clr>
          <a:schemeClr val="bg2"/>
        </a:buClr>
        <a:buSzPct val="110000"/>
        <a:buFont typeface="Arial" panose="020B0604020202020204" pitchFamily="34" charset="0"/>
        <a:buNone/>
        <a:defRPr sz="600" kern="1200">
          <a:solidFill>
            <a:schemeClr val="bg1"/>
          </a:solidFill>
          <a:latin typeface="+mn-lt"/>
          <a:ea typeface="+mn-ea"/>
          <a:cs typeface="+mn-cs"/>
        </a:defRPr>
      </a:lvl8pPr>
      <a:lvl9pPr marL="0" marR="0" indent="0" algn="l" defTabSz="1218354" rtl="0" eaLnBrk="1" fontAlgn="auto" latinLnBrk="0" hangingPunct="1">
        <a:lnSpc>
          <a:spcPct val="90000"/>
        </a:lnSpc>
        <a:spcBef>
          <a:spcPts val="600"/>
        </a:spcBef>
        <a:spcAft>
          <a:spcPts val="0"/>
        </a:spcAft>
        <a:buClr>
          <a:schemeClr val="bg2"/>
        </a:buClr>
        <a:buSzPct val="110000"/>
        <a:buFont typeface="Arial" panose="020B0604020202020204" pitchFamily="34" charset="0"/>
        <a:buNone/>
        <a:tabLst/>
        <a:defRPr sz="400" kern="1200">
          <a:solidFill>
            <a:schemeClr val="bg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429">
          <p15:clr>
            <a:srgbClr val="F26B43"/>
          </p15:clr>
        </p15:guide>
        <p15:guide id="3" orient="horz" pos="348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7.xml"/><Relationship Id="rId11" Type="http://schemas.openxmlformats.org/officeDocument/2006/relationships/image" Target="../media/image19.png"/><Relationship Id="rId5" Type="http://schemas.openxmlformats.org/officeDocument/2006/relationships/diagramQuickStyle" Target="../diagrams/quickStyle7.xml"/><Relationship Id="rId10" Type="http://schemas.openxmlformats.org/officeDocument/2006/relationships/image" Target="../media/image20.png"/><Relationship Id="rId4" Type="http://schemas.openxmlformats.org/officeDocument/2006/relationships/diagramLayout" Target="../diagrams/layout7.xml"/><Relationship Id="rId9" Type="http://schemas.openxmlformats.org/officeDocument/2006/relationships/image" Target="../media/image22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8.xml"/><Relationship Id="rId7" Type="http://schemas.microsoft.com/office/2007/relationships/diagramDrawing" Target="../diagrams/drawing8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8.xml"/><Relationship Id="rId5" Type="http://schemas.openxmlformats.org/officeDocument/2006/relationships/diagramQuickStyle" Target="../diagrams/quickStyle8.xml"/><Relationship Id="rId4" Type="http://schemas.openxmlformats.org/officeDocument/2006/relationships/diagramLayout" Target="../diagrams/layout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27.sv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advance.cerner.com/login?next=/services/slotting/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29.sv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mailto:katie.batliner@cerner.com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31.svg"/><Relationship Id="rId4" Type="http://schemas.openxmlformats.org/officeDocument/2006/relationships/image" Target="../media/image30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2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6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notesSlide" Target="../notesSlides/notesSlide21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9.xml"/><Relationship Id="rId7" Type="http://schemas.microsoft.com/office/2007/relationships/diagramDrawing" Target="../diagrams/drawing9.xm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9.xml"/><Relationship Id="rId5" Type="http://schemas.openxmlformats.org/officeDocument/2006/relationships/diagramQuickStyle" Target="../diagrams/quickStyle9.xml"/><Relationship Id="rId4" Type="http://schemas.openxmlformats.org/officeDocument/2006/relationships/diagramLayout" Target="../diagrams/layout9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2.xml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hyperlink" Target="https://connect.cerner.com/groups/stimulus-collaboration" TargetMode="External"/><Relationship Id="rId3" Type="http://schemas.openxmlformats.org/officeDocument/2006/relationships/hyperlink" Target="https://wiki.cerner.com/display/OpenDevRN/Cerner+Ignite+APIs+for+Millennium" TargetMode="External"/><Relationship Id="rId7" Type="http://schemas.openxmlformats.org/officeDocument/2006/relationships/hyperlink" Target="http://fhir.cerner.com/millennium/r4/" TargetMode="External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Relationship Id="rId6" Type="http://schemas.openxmlformats.org/officeDocument/2006/relationships/hyperlink" Target="https://groups.google.com/g/cerner-fhir-developers" TargetMode="External"/><Relationship Id="rId5" Type="http://schemas.openxmlformats.org/officeDocument/2006/relationships/hyperlink" Target="https://code.cerner.com/" TargetMode="External"/><Relationship Id="rId4" Type="http://schemas.openxmlformats.org/officeDocument/2006/relationships/hyperlink" Target="https://wiki.cerner.com/display/public/reference/Implement+Cerner+Ignite+APIs+for+Millennium" TargetMode="External"/><Relationship Id="rId9" Type="http://schemas.openxmlformats.org/officeDocument/2006/relationships/hyperlink" Target="https://wiki.cerner.com/x/Dz0chw" TargetMode="Externa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healthit.gov/isa/united-states-core-data-interoperability-uscdi" TargetMode="External"/><Relationship Id="rId3" Type="http://schemas.openxmlformats.org/officeDocument/2006/relationships/hyperlink" Target="https://www.healthit.gov/curesrule/final-rule-policy/2015-edition-cures-update" TargetMode="External"/><Relationship Id="rId7" Type="http://schemas.openxmlformats.org/officeDocument/2006/relationships/hyperlink" Target="https://inferno.healthit.gov/" TargetMode="External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Relationship Id="rId6" Type="http://schemas.openxmlformats.org/officeDocument/2006/relationships/hyperlink" Target="http://build.fhir.org/ig/HL7/US-Core-R4/general-guidance.html#us-core-data-for-interoperability-and-2015-edition-common-clinical-data-set" TargetMode="External"/><Relationship Id="rId5" Type="http://schemas.openxmlformats.org/officeDocument/2006/relationships/hyperlink" Target="http://build.fhir.org/ig/HL7/US-Core-R4/#us-core-profiles" TargetMode="External"/><Relationship Id="rId4" Type="http://schemas.openxmlformats.org/officeDocument/2006/relationships/hyperlink" Target="https://www.healthit.gov/" TargetMode="Externa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4.emf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9.xml.rels><?xml version="1.0" encoding="UTF-8" standalone="yes"?>
<Relationships xmlns="http://schemas.openxmlformats.org/package/2006/relationships"><Relationship Id="rId8" Type="http://schemas.microsoft.com/office/2007/relationships/diagramDrawing" Target="../diagrams/drawing5.xml"/><Relationship Id="rId13" Type="http://schemas.openxmlformats.org/officeDocument/2006/relationships/diagramLayout" Target="../diagrams/layout6.xml"/><Relationship Id="rId3" Type="http://schemas.openxmlformats.org/officeDocument/2006/relationships/image" Target="../media/image18.jpg"/><Relationship Id="rId7" Type="http://schemas.openxmlformats.org/officeDocument/2006/relationships/diagramColors" Target="../diagrams/colors5.xml"/><Relationship Id="rId12" Type="http://schemas.openxmlformats.org/officeDocument/2006/relationships/diagramData" Target="../diagrams/data6.xml"/><Relationship Id="rId2" Type="http://schemas.openxmlformats.org/officeDocument/2006/relationships/notesSlide" Target="../notesSlides/notesSlide9.xml"/><Relationship Id="rId16" Type="http://schemas.microsoft.com/office/2007/relationships/diagramDrawing" Target="../diagrams/drawing6.xml"/><Relationship Id="rId1" Type="http://schemas.openxmlformats.org/officeDocument/2006/relationships/slideLayout" Target="../slideLayouts/slideLayout8.xml"/><Relationship Id="rId6" Type="http://schemas.openxmlformats.org/officeDocument/2006/relationships/diagramQuickStyle" Target="../diagrams/quickStyle5.xml"/><Relationship Id="rId11" Type="http://schemas.openxmlformats.org/officeDocument/2006/relationships/image" Target="../media/image21.png"/><Relationship Id="rId5" Type="http://schemas.openxmlformats.org/officeDocument/2006/relationships/diagramLayout" Target="../diagrams/layout5.xml"/><Relationship Id="rId15" Type="http://schemas.openxmlformats.org/officeDocument/2006/relationships/diagramColors" Target="../diagrams/colors6.xml"/><Relationship Id="rId10" Type="http://schemas.openxmlformats.org/officeDocument/2006/relationships/image" Target="../media/image20.png"/><Relationship Id="rId4" Type="http://schemas.openxmlformats.org/officeDocument/2006/relationships/diagramData" Target="../diagrams/data5.xml"/><Relationship Id="rId9" Type="http://schemas.openxmlformats.org/officeDocument/2006/relationships/image" Target="../media/image19.png"/><Relationship Id="rId14" Type="http://schemas.openxmlformats.org/officeDocument/2006/relationships/diagramQuickStyle" Target="../diagrams/quickStyle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3AABF0D5-B5A2-3047-901E-17FF55FDE9F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z="4800" dirty="0"/>
              <a:t>Cures Update: Single Patient API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27A8375-90A3-5844-B258-F311404E483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Brittany Brown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073368EB-FD9D-3E49-8090-58CDA161565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/>
          </a:bodyPr>
          <a:lstStyle/>
          <a:p>
            <a:r>
              <a:rPr lang="en-US" sz="1800" dirty="0"/>
              <a:t>Lead Solution Designer | Open Platform Engineering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FD5AE5B4-0A53-B846-9663-89DC9F140EC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US" sz="1600" dirty="0"/>
              <a:t>November 13, 2020</a:t>
            </a:r>
          </a:p>
        </p:txBody>
      </p:sp>
    </p:spTree>
    <p:extLst>
      <p:ext uri="{BB962C8B-B14F-4D97-AF65-F5344CB8AC3E}">
        <p14:creationId xmlns:p14="http://schemas.microsoft.com/office/powerpoint/2010/main" val="384598923"/>
      </p:ext>
    </p:extLst>
  </p:cSld>
  <p:clrMapOvr>
    <a:masterClrMapping/>
  </p:clrMapOvr>
  <p:transition spd="slow"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9">
            <a:extLst>
              <a:ext uri="{FF2B5EF4-FFF2-40B4-BE49-F238E27FC236}">
                <a16:creationId xmlns:a16="http://schemas.microsoft.com/office/drawing/2014/main" id="{45084011-E11B-BB4E-AACF-5ED8F0162F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 Who’s The Boss</a:t>
            </a:r>
          </a:p>
        </p:txBody>
      </p:sp>
      <p:graphicFrame>
        <p:nvGraphicFramePr>
          <p:cNvPr id="14" name="Diagram 13">
            <a:extLst>
              <a:ext uri="{FF2B5EF4-FFF2-40B4-BE49-F238E27FC236}">
                <a16:creationId xmlns:a16="http://schemas.microsoft.com/office/drawing/2014/main" id="{2095DD5F-6B07-594C-B7D9-B249FA287274}"/>
              </a:ext>
            </a:extLst>
          </p:cNvPr>
          <p:cNvGraphicFramePr/>
          <p:nvPr/>
        </p:nvGraphicFramePr>
        <p:xfrm>
          <a:off x="1307596" y="975694"/>
          <a:ext cx="8125883" cy="54172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0" name="Picture 9">
            <a:extLst>
              <a:ext uri="{FF2B5EF4-FFF2-40B4-BE49-F238E27FC236}">
                <a16:creationId xmlns:a16="http://schemas.microsoft.com/office/drawing/2014/main" id="{C3F75165-F85E-0D4E-A549-5C764448441E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7996" r="6524" b="25458"/>
          <a:stretch/>
        </p:blipFill>
        <p:spPr>
          <a:xfrm>
            <a:off x="5420412" y="1888941"/>
            <a:ext cx="1180408" cy="413201"/>
          </a:xfrm>
          <a:prstGeom prst="rect">
            <a:avLst/>
          </a:prstGeom>
        </p:spPr>
      </p:pic>
      <p:pic>
        <p:nvPicPr>
          <p:cNvPr id="8194" name="Picture 2">
            <a:extLst>
              <a:ext uri="{FF2B5EF4-FFF2-40B4-BE49-F238E27FC236}">
                <a16:creationId xmlns:a16="http://schemas.microsoft.com/office/drawing/2014/main" id="{F9F4C029-FE2B-6D4B-ABC9-DF7E1A77E08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21741" y="4681712"/>
            <a:ext cx="917290" cy="9172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681837-D39D-FF43-9EBB-B640268B11C3}"/>
              </a:ext>
            </a:extLst>
          </p:cNvPr>
          <p:cNvPicPr>
            <a:picLocks noChangeAspect="1"/>
          </p:cNvPicPr>
          <p:nvPr/>
        </p:nvPicPr>
        <p:blipFill rotWithShape="1">
          <a:blip r:embed="rId10"/>
          <a:srcRect r="42190" b="9806"/>
          <a:stretch/>
        </p:blipFill>
        <p:spPr>
          <a:xfrm>
            <a:off x="3773977" y="2331083"/>
            <a:ext cx="1313927" cy="31506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2785920-829C-C347-95D4-674EAC2554F1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4871352" y="3469908"/>
            <a:ext cx="1313927" cy="2707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6336170"/>
      </p:ext>
    </p:extLst>
  </p:cSld>
  <p:clrMapOvr>
    <a:masterClrMapping/>
  </p:clrMapOvr>
  <p:transition spd="slow"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FHIR Resources</a:t>
            </a:r>
          </a:p>
        </p:txBody>
      </p:sp>
    </p:spTree>
    <p:extLst>
      <p:ext uri="{BB962C8B-B14F-4D97-AF65-F5344CB8AC3E}">
        <p14:creationId xmlns:p14="http://schemas.microsoft.com/office/powerpoint/2010/main" val="21079362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HIR Resources: US Core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B9DCCFF9-48DD-284C-B0DE-2539F2FF8622}"/>
              </a:ext>
            </a:extLst>
          </p:cNvPr>
          <p:cNvPicPr>
            <a:picLocks noGrp="1" noChangeAspect="1"/>
          </p:cNvPicPr>
          <p:nvPr>
            <p:ph sz="quarter" idx="4294967295"/>
          </p:nvPr>
        </p:nvPicPr>
        <p:blipFill>
          <a:blip r:embed="rId3"/>
          <a:stretch>
            <a:fillRect/>
          </a:stretch>
        </p:blipFill>
        <p:spPr>
          <a:xfrm>
            <a:off x="2288135" y="857489"/>
            <a:ext cx="7612554" cy="56257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897914"/>
      </p:ext>
    </p:extLst>
  </p:cSld>
  <p:clrMapOvr>
    <a:masterClrMapping/>
  </p:clrMapOvr>
  <p:transition spd="slow"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704467-46ED-5641-9D47-AC62512023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HIR Resources: USCDI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E389A38-314D-8049-B738-6CC793F144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43062" y="701675"/>
            <a:ext cx="8902700" cy="5930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4615374"/>
      </p:ext>
    </p:extLst>
  </p:cSld>
  <p:clrMapOvr>
    <a:masterClrMapping/>
  </p:clrMapOvr>
  <p:transition spd="slow"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HIR Resources: Requirements Profile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4CEABD8-BE91-1D41-84D7-D39F415196F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24667"/>
          <a:stretch/>
        </p:blipFill>
        <p:spPr>
          <a:xfrm>
            <a:off x="951349" y="845820"/>
            <a:ext cx="9325207" cy="51663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335998"/>
      </p:ext>
    </p:extLst>
  </p:cSld>
  <p:clrMapOvr>
    <a:masterClrMapping/>
  </p:clrMapOvr>
  <p:transition spd="slow"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Prerequisites</a:t>
            </a:r>
          </a:p>
        </p:txBody>
      </p:sp>
    </p:spTree>
    <p:extLst>
      <p:ext uri="{BB962C8B-B14F-4D97-AF65-F5344CB8AC3E}">
        <p14:creationId xmlns:p14="http://schemas.microsoft.com/office/powerpoint/2010/main" val="12868742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requisit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9A145E-BB6E-3B4E-A668-050DCD28DEB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Summary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B2487B11-6FFA-594A-8720-D96F1E0E2EAF}"/>
              </a:ext>
            </a:extLst>
          </p:cNvPr>
          <p:cNvGraphicFramePr>
            <a:graphicFrameLocks noGrp="1"/>
          </p:cNvGraphicFramePr>
          <p:nvPr>
            <p:ph sz="quarter" idx="4294967295"/>
            <p:extLst>
              <p:ext uri="{D42A27DB-BD31-4B8C-83A1-F6EECF244321}">
                <p14:modId xmlns:p14="http://schemas.microsoft.com/office/powerpoint/2010/main" val="2933960012"/>
              </p:ext>
            </p:extLst>
          </p:nvPr>
        </p:nvGraphicFramePr>
        <p:xfrm>
          <a:off x="0" y="1447800"/>
          <a:ext cx="12188825" cy="4343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867720316"/>
      </p:ext>
    </p:extLst>
  </p:cSld>
  <p:clrMapOvr>
    <a:masterClrMapping/>
  </p:clrMapOvr>
  <p:transition spd="slow"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552836-EC96-6546-95F2-926BDCA8D3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requisit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3B1713A-33E5-E848-B674-242BB927CA5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/>
              <a:t>FHIR API R4 mappings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DEBC41FE-8DA9-204F-8191-F9B369BB57CB}"/>
              </a:ext>
            </a:extLst>
          </p:cNvPr>
          <p:cNvCxnSpPr>
            <a:cxnSpLocks/>
          </p:cNvCxnSpPr>
          <p:nvPr/>
        </p:nvCxnSpPr>
        <p:spPr>
          <a:xfrm>
            <a:off x="3154393" y="3790384"/>
            <a:ext cx="2560608" cy="8801"/>
          </a:xfrm>
          <a:prstGeom prst="line">
            <a:avLst/>
          </a:prstGeom>
          <a:noFill/>
          <a:ln w="6350" cap="flat" cmpd="sng" algn="ctr">
            <a:solidFill>
              <a:srgbClr val="FFFFFF">
                <a:lumMod val="75000"/>
              </a:srgbClr>
            </a:solidFill>
            <a:prstDash val="solid"/>
            <a:miter lim="800000"/>
            <a:headEnd type="none"/>
            <a:tailEnd type="triangle"/>
          </a:ln>
          <a:effectLst/>
        </p:spPr>
      </p:cxn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3C464A8-7440-D94D-8FC8-BB47AE837B0E}"/>
              </a:ext>
            </a:extLst>
          </p:cNvPr>
          <p:cNvGrpSpPr/>
          <p:nvPr/>
        </p:nvGrpSpPr>
        <p:grpSpPr>
          <a:xfrm rot="10800000" flipH="1">
            <a:off x="2886710" y="4148201"/>
            <a:ext cx="2828291" cy="834338"/>
            <a:chOff x="2097385" y="1290918"/>
            <a:chExt cx="2828291" cy="998975"/>
          </a:xfrm>
        </p:grpSpPr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E2676104-67CE-2449-A904-4ACCFC439727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4319E1C4-1A80-A24F-A64C-43E42DEC6724}"/>
                </a:ext>
              </a:extLst>
            </p:cNvPr>
            <p:cNvCxnSpPr>
              <a:cxnSpLocks/>
            </p:cNvCxnSpPr>
            <p:nvPr/>
          </p:nvCxnSpPr>
          <p:spPr>
            <a:xfrm rot="10800000" flipH="1">
              <a:off x="2097385" y="1297349"/>
              <a:ext cx="2828291" cy="0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A863E65B-9197-E443-8DE7-75A146E1A6AB}"/>
              </a:ext>
            </a:extLst>
          </p:cNvPr>
          <p:cNvGrpSpPr/>
          <p:nvPr/>
        </p:nvGrpSpPr>
        <p:grpSpPr>
          <a:xfrm>
            <a:off x="2886709" y="1849457"/>
            <a:ext cx="2828291" cy="865699"/>
            <a:chOff x="2097385" y="1290918"/>
            <a:chExt cx="2828291" cy="998975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762343BA-C806-494F-BAD0-68A442B99ED5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4E2FB9C7-FEF7-6A40-AA4E-A7D4D62134D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097385" y="1297350"/>
              <a:ext cx="2828291" cy="1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sp>
        <p:nvSpPr>
          <p:cNvPr id="35" name="Oval 34">
            <a:extLst>
              <a:ext uri="{FF2B5EF4-FFF2-40B4-BE49-F238E27FC236}">
                <a16:creationId xmlns:a16="http://schemas.microsoft.com/office/drawing/2014/main" id="{44F8BBB9-6D7D-F045-8977-4F40FC587F59}"/>
              </a:ext>
            </a:extLst>
          </p:cNvPr>
          <p:cNvSpPr/>
          <p:nvPr/>
        </p:nvSpPr>
        <p:spPr>
          <a:xfrm>
            <a:off x="1101716" y="1833479"/>
            <a:ext cx="3569990" cy="3569990"/>
          </a:xfrm>
          <a:prstGeom prst="ellipse">
            <a:avLst/>
          </a:prstGeom>
          <a:solidFill>
            <a:srgbClr val="0D94D2"/>
          </a:solidFill>
          <a:ln w="12700" cap="flat" cmpd="sng" algn="ctr">
            <a:solidFill>
              <a:srgbClr val="0D94D2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ＭＳ Ｐゴシック" pitchFamily="34" charset="-128"/>
              <a:cs typeface="+mn-cs"/>
            </a:endParaRP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05279D26-AA59-C249-A9B2-AFA5458C6FE4}"/>
              </a:ext>
            </a:extLst>
          </p:cNvPr>
          <p:cNvGrpSpPr/>
          <p:nvPr/>
        </p:nvGrpSpPr>
        <p:grpSpPr>
          <a:xfrm>
            <a:off x="5841656" y="1514285"/>
            <a:ext cx="5147676" cy="1390369"/>
            <a:chOff x="6379479" y="1183825"/>
            <a:chExt cx="5147676" cy="1390369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6F09F9B4-0AEB-9945-9743-FF5807C386B4}"/>
                </a:ext>
              </a:extLst>
            </p:cNvPr>
            <p:cNvSpPr/>
            <p:nvPr/>
          </p:nvSpPr>
          <p:spPr>
            <a:xfrm>
              <a:off x="6381973" y="1183825"/>
              <a:ext cx="1553630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Overview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4EC8FD28-539B-F144-B1BF-89FE05CBEB71}"/>
                </a:ext>
              </a:extLst>
            </p:cNvPr>
            <p:cNvSpPr txBox="1"/>
            <p:nvPr/>
          </p:nvSpPr>
          <p:spPr>
            <a:xfrm>
              <a:off x="6379479" y="1618163"/>
              <a:ext cx="5147676" cy="9560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lvl="0" fontAlgn="auto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defRPr/>
              </a:pP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</a:rPr>
                <a:t>Mapping of local/proprietary codes for clinical data to required vocabulary standards to ensure conformant API responses 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25E3B2B3-CF57-D242-ABAF-213D904AA9CF}"/>
              </a:ext>
            </a:extLst>
          </p:cNvPr>
          <p:cNvGrpSpPr/>
          <p:nvPr/>
        </p:nvGrpSpPr>
        <p:grpSpPr>
          <a:xfrm>
            <a:off x="5841656" y="4308877"/>
            <a:ext cx="5147676" cy="1336581"/>
            <a:chOff x="6379479" y="5713088"/>
            <a:chExt cx="5147676" cy="1336581"/>
          </a:xfrm>
        </p:grpSpPr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A292475-83AC-9249-818D-050263328F49}"/>
                </a:ext>
              </a:extLst>
            </p:cNvPr>
            <p:cNvSpPr/>
            <p:nvPr/>
          </p:nvSpPr>
          <p:spPr>
            <a:xfrm>
              <a:off x="6381973" y="5713088"/>
              <a:ext cx="1208985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en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F2862DC4-BC2A-BF40-9445-6E5E4DE90BB8}"/>
                </a:ext>
              </a:extLst>
            </p:cNvPr>
            <p:cNvSpPr txBox="1"/>
            <p:nvPr/>
          </p:nvSpPr>
          <p:spPr>
            <a:xfrm>
              <a:off x="6379479" y="6093638"/>
              <a:ext cx="5147676" cy="9560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Mapping work is already underway but will continue through summer 2022 for full scope of FHIR resources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53B278B-66E3-5F4D-BB52-98BE0D2A0553}"/>
              </a:ext>
            </a:extLst>
          </p:cNvPr>
          <p:cNvGrpSpPr/>
          <p:nvPr/>
        </p:nvGrpSpPr>
        <p:grpSpPr>
          <a:xfrm>
            <a:off x="5841656" y="2966580"/>
            <a:ext cx="5147676" cy="1095353"/>
            <a:chOff x="6379479" y="2618200"/>
            <a:chExt cx="5147676" cy="1095353"/>
          </a:xfrm>
        </p:grpSpPr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23A71DA4-2D15-DF40-AD30-0F94518F2167}"/>
                </a:ext>
              </a:extLst>
            </p:cNvPr>
            <p:cNvSpPr/>
            <p:nvPr/>
          </p:nvSpPr>
          <p:spPr>
            <a:xfrm>
              <a:off x="6381973" y="2618200"/>
              <a:ext cx="1037463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o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E9D1992E-B0BD-0249-B722-5EEACEDFE67A}"/>
                </a:ext>
              </a:extLst>
            </p:cNvPr>
            <p:cNvSpPr txBox="1"/>
            <p:nvPr/>
          </p:nvSpPr>
          <p:spPr>
            <a:xfrm>
              <a:off x="6379479" y="3052538"/>
              <a:ext cx="5147676" cy="661015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Performed by Cerner as part of Ignite API licensing (no engagement necessary</a:t>
              </a: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</a:rPr>
                <a:t>)</a:t>
              </a:r>
              <a:endParaRPr kumimoji="0" lang="en-US" sz="1800" i="0" u="none" strike="noStrike" kern="1200" cap="none" spc="0" normalizeH="0" baseline="0" noProof="0" dirty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pic>
        <p:nvPicPr>
          <p:cNvPr id="6" name="Graphic 5" descr="Connected">
            <a:extLst>
              <a:ext uri="{FF2B5EF4-FFF2-40B4-BE49-F238E27FC236}">
                <a16:creationId xmlns:a16="http://schemas.microsoft.com/office/drawing/2014/main" id="{4EE730D8-A988-41B0-AC70-D428F35D91B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50135" y="1944395"/>
            <a:ext cx="3273147" cy="3273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8797288"/>
      </p:ext>
    </p:extLst>
  </p:cSld>
  <p:clrMapOvr>
    <a:masterClrMapping/>
  </p:clrMapOvr>
  <p:transition spd="slow"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552836-EC96-6546-95F2-926BDCA8D3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requisit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3B1713A-33E5-E848-B674-242BB927CA5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/>
              <a:t>Millennium code upgrade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DEBC41FE-8DA9-204F-8191-F9B369BB57CB}"/>
              </a:ext>
            </a:extLst>
          </p:cNvPr>
          <p:cNvCxnSpPr>
            <a:cxnSpLocks/>
          </p:cNvCxnSpPr>
          <p:nvPr/>
        </p:nvCxnSpPr>
        <p:spPr>
          <a:xfrm>
            <a:off x="3154393" y="3424620"/>
            <a:ext cx="2560608" cy="8801"/>
          </a:xfrm>
          <a:prstGeom prst="line">
            <a:avLst/>
          </a:prstGeom>
          <a:noFill/>
          <a:ln w="6350" cap="flat" cmpd="sng" algn="ctr">
            <a:solidFill>
              <a:srgbClr val="FFFFFF">
                <a:lumMod val="75000"/>
              </a:srgbClr>
            </a:solidFill>
            <a:prstDash val="solid"/>
            <a:miter lim="800000"/>
            <a:headEnd type="none"/>
            <a:tailEnd type="triangle"/>
          </a:ln>
          <a:effectLst/>
        </p:spPr>
      </p:cxn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3C464A8-7440-D94D-8FC8-BB47AE837B0E}"/>
              </a:ext>
            </a:extLst>
          </p:cNvPr>
          <p:cNvGrpSpPr/>
          <p:nvPr/>
        </p:nvGrpSpPr>
        <p:grpSpPr>
          <a:xfrm rot="10800000" flipH="1">
            <a:off x="2886710" y="4109010"/>
            <a:ext cx="2828291" cy="834338"/>
            <a:chOff x="2097385" y="1290918"/>
            <a:chExt cx="2828291" cy="998975"/>
          </a:xfrm>
        </p:grpSpPr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E2676104-67CE-2449-A904-4ACCFC439727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4319E1C4-1A80-A24F-A64C-43E42DEC6724}"/>
                </a:ext>
              </a:extLst>
            </p:cNvPr>
            <p:cNvCxnSpPr>
              <a:cxnSpLocks/>
            </p:cNvCxnSpPr>
            <p:nvPr/>
          </p:nvCxnSpPr>
          <p:spPr>
            <a:xfrm rot="10800000" flipH="1">
              <a:off x="2097385" y="1297349"/>
              <a:ext cx="2828291" cy="0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A863E65B-9197-E443-8DE7-75A146E1A6AB}"/>
              </a:ext>
            </a:extLst>
          </p:cNvPr>
          <p:cNvGrpSpPr/>
          <p:nvPr/>
        </p:nvGrpSpPr>
        <p:grpSpPr>
          <a:xfrm>
            <a:off x="2886709" y="1836394"/>
            <a:ext cx="2828291" cy="865699"/>
            <a:chOff x="2097385" y="1290918"/>
            <a:chExt cx="2828291" cy="998975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762343BA-C806-494F-BAD0-68A442B99ED5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4E2FB9C7-FEF7-6A40-AA4E-A7D4D62134D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097385" y="1297350"/>
              <a:ext cx="2828291" cy="1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sp>
        <p:nvSpPr>
          <p:cNvPr id="35" name="Oval 34">
            <a:extLst>
              <a:ext uri="{FF2B5EF4-FFF2-40B4-BE49-F238E27FC236}">
                <a16:creationId xmlns:a16="http://schemas.microsoft.com/office/drawing/2014/main" id="{44F8BBB9-6D7D-F045-8977-4F40FC587F59}"/>
              </a:ext>
            </a:extLst>
          </p:cNvPr>
          <p:cNvSpPr/>
          <p:nvPr/>
        </p:nvSpPr>
        <p:spPr>
          <a:xfrm>
            <a:off x="1101716" y="1833479"/>
            <a:ext cx="3569990" cy="3569990"/>
          </a:xfrm>
          <a:prstGeom prst="ellipse">
            <a:avLst/>
          </a:prstGeom>
          <a:solidFill>
            <a:srgbClr val="0D94D2"/>
          </a:solidFill>
          <a:ln w="12700" cap="flat" cmpd="sng" algn="ctr">
            <a:solidFill>
              <a:srgbClr val="0D94D2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ＭＳ Ｐゴシック" pitchFamily="34" charset="-128"/>
              <a:cs typeface="+mn-cs"/>
            </a:endParaRP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05279D26-AA59-C249-A9B2-AFA5458C6FE4}"/>
              </a:ext>
            </a:extLst>
          </p:cNvPr>
          <p:cNvGrpSpPr/>
          <p:nvPr/>
        </p:nvGrpSpPr>
        <p:grpSpPr>
          <a:xfrm>
            <a:off x="5841656" y="1501222"/>
            <a:ext cx="5147676" cy="1095353"/>
            <a:chOff x="6379479" y="1183825"/>
            <a:chExt cx="5147676" cy="1095353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6F09F9B4-0AEB-9945-9743-FF5807C386B4}"/>
                </a:ext>
              </a:extLst>
            </p:cNvPr>
            <p:cNvSpPr/>
            <p:nvPr/>
          </p:nvSpPr>
          <p:spPr>
            <a:xfrm>
              <a:off x="6381973" y="1183825"/>
              <a:ext cx="1553630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Overview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4EC8FD28-539B-F144-B1BF-89FE05CBEB71}"/>
                </a:ext>
              </a:extLst>
            </p:cNvPr>
            <p:cNvSpPr txBox="1"/>
            <p:nvPr/>
          </p:nvSpPr>
          <p:spPr>
            <a:xfrm>
              <a:off x="6379479" y="1618163"/>
              <a:ext cx="5147676" cy="661015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lvl="0" fontAlgn="auto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defRPr/>
              </a:pPr>
              <a:r>
                <a:rPr lang="en-US" sz="1800" b="0">
                  <a:solidFill>
                    <a:srgbClr val="6A737B"/>
                  </a:solidFill>
                  <a:cs typeface="Arial" panose="020B0604020202020204" pitchFamily="34" charset="0"/>
                </a:rPr>
                <a:t>Uplifting to new required Millennium code base of 2018.08</a:t>
              </a: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25E3B2B3-CF57-D242-ABAF-213D904AA9CF}"/>
              </a:ext>
            </a:extLst>
          </p:cNvPr>
          <p:cNvGrpSpPr/>
          <p:nvPr/>
        </p:nvGrpSpPr>
        <p:grpSpPr>
          <a:xfrm>
            <a:off x="5841655" y="4417194"/>
            <a:ext cx="5735443" cy="1041628"/>
            <a:chOff x="6379479" y="5713088"/>
            <a:chExt cx="5147676" cy="1041628"/>
          </a:xfrm>
        </p:grpSpPr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A292475-83AC-9249-818D-050263328F49}"/>
                </a:ext>
              </a:extLst>
            </p:cNvPr>
            <p:cNvSpPr/>
            <p:nvPr/>
          </p:nvSpPr>
          <p:spPr>
            <a:xfrm>
              <a:off x="6381973" y="5713088"/>
              <a:ext cx="1208985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en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F2862DC4-BC2A-BF40-9445-6E5E4DE90BB8}"/>
                </a:ext>
              </a:extLst>
            </p:cNvPr>
            <p:cNvSpPr txBox="1"/>
            <p:nvPr/>
          </p:nvSpPr>
          <p:spPr>
            <a:xfrm>
              <a:off x="6379479" y="6093638"/>
              <a:ext cx="5147676" cy="661078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June 2021 – June 2022 (upgrade project = ~14 weeks) </a:t>
              </a: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53B278B-66E3-5F4D-BB52-98BE0D2A0553}"/>
              </a:ext>
            </a:extLst>
          </p:cNvPr>
          <p:cNvGrpSpPr/>
          <p:nvPr/>
        </p:nvGrpSpPr>
        <p:grpSpPr>
          <a:xfrm>
            <a:off x="5841656" y="2717337"/>
            <a:ext cx="5147676" cy="1685321"/>
            <a:chOff x="6379479" y="2618200"/>
            <a:chExt cx="5147676" cy="1685321"/>
          </a:xfrm>
        </p:grpSpPr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23A71DA4-2D15-DF40-AD30-0F94518F2167}"/>
                </a:ext>
              </a:extLst>
            </p:cNvPr>
            <p:cNvSpPr/>
            <p:nvPr/>
          </p:nvSpPr>
          <p:spPr>
            <a:xfrm>
              <a:off x="6381973" y="2618200"/>
              <a:ext cx="1037463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o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E9D1992E-B0BD-0249-B722-5EEACEDFE67A}"/>
                </a:ext>
              </a:extLst>
            </p:cNvPr>
            <p:cNvSpPr txBox="1"/>
            <p:nvPr/>
          </p:nvSpPr>
          <p:spPr>
            <a:xfrm>
              <a:off x="6379479" y="3052538"/>
              <a:ext cx="5147676" cy="1250983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Can be performed via Cerner Upgrade Center services or client-owned (if using Upgrade Center, engage w/ CAE or submit a slotting request </a:t>
              </a: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  <a:hlinkClick r:id="rId3"/>
                </a:rPr>
                <a:t>here</a:t>
              </a: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)</a:t>
              </a: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pic>
        <p:nvPicPr>
          <p:cNvPr id="6" name="Graphic 5" descr="Repeat">
            <a:extLst>
              <a:ext uri="{FF2B5EF4-FFF2-40B4-BE49-F238E27FC236}">
                <a16:creationId xmlns:a16="http://schemas.microsoft.com/office/drawing/2014/main" id="{E367B3A8-A06B-4701-ADCF-104559EF9E9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628972" y="2374504"/>
            <a:ext cx="2497755" cy="2497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2255072"/>
      </p:ext>
    </p:extLst>
  </p:cSld>
  <p:clrMapOvr>
    <a:masterClrMapping/>
  </p:clrMapOvr>
  <p:transition spd="slow"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552836-EC96-6546-95F2-926BDCA8D3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requisit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3B1713A-33E5-E848-B674-242BB927CA5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/>
              <a:t>FHIR API configuration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DEBC41FE-8DA9-204F-8191-F9B369BB57CB}"/>
              </a:ext>
            </a:extLst>
          </p:cNvPr>
          <p:cNvCxnSpPr>
            <a:cxnSpLocks/>
          </p:cNvCxnSpPr>
          <p:nvPr/>
        </p:nvCxnSpPr>
        <p:spPr>
          <a:xfrm>
            <a:off x="3154393" y="3659754"/>
            <a:ext cx="2560608" cy="8801"/>
          </a:xfrm>
          <a:prstGeom prst="line">
            <a:avLst/>
          </a:prstGeom>
          <a:noFill/>
          <a:ln w="6350" cap="flat" cmpd="sng" algn="ctr">
            <a:solidFill>
              <a:srgbClr val="FFFFFF">
                <a:lumMod val="75000"/>
              </a:srgbClr>
            </a:solidFill>
            <a:prstDash val="solid"/>
            <a:miter lim="800000"/>
            <a:headEnd type="none"/>
            <a:tailEnd type="triangle"/>
          </a:ln>
          <a:effectLst/>
        </p:spPr>
      </p:cxn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3C464A8-7440-D94D-8FC8-BB47AE837B0E}"/>
              </a:ext>
            </a:extLst>
          </p:cNvPr>
          <p:cNvGrpSpPr/>
          <p:nvPr/>
        </p:nvGrpSpPr>
        <p:grpSpPr>
          <a:xfrm rot="10800000" flipH="1">
            <a:off x="2886710" y="3978381"/>
            <a:ext cx="2828291" cy="834338"/>
            <a:chOff x="2097385" y="1290918"/>
            <a:chExt cx="2828291" cy="998975"/>
          </a:xfrm>
        </p:grpSpPr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E2676104-67CE-2449-A904-4ACCFC439727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4319E1C4-1A80-A24F-A64C-43E42DEC6724}"/>
                </a:ext>
              </a:extLst>
            </p:cNvPr>
            <p:cNvCxnSpPr>
              <a:cxnSpLocks/>
            </p:cNvCxnSpPr>
            <p:nvPr/>
          </p:nvCxnSpPr>
          <p:spPr>
            <a:xfrm rot="10800000" flipH="1">
              <a:off x="2097385" y="1297349"/>
              <a:ext cx="2828291" cy="0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A863E65B-9197-E443-8DE7-75A146E1A6AB}"/>
              </a:ext>
            </a:extLst>
          </p:cNvPr>
          <p:cNvGrpSpPr/>
          <p:nvPr/>
        </p:nvGrpSpPr>
        <p:grpSpPr>
          <a:xfrm>
            <a:off x="2886709" y="1849457"/>
            <a:ext cx="2828291" cy="865699"/>
            <a:chOff x="2097385" y="1290918"/>
            <a:chExt cx="2828291" cy="998975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762343BA-C806-494F-BAD0-68A442B99ED5}"/>
                </a:ext>
              </a:extLst>
            </p:cNvPr>
            <p:cNvCxnSpPr/>
            <p:nvPr/>
          </p:nvCxnSpPr>
          <p:spPr>
            <a:xfrm flipV="1">
              <a:off x="2097385" y="1290918"/>
              <a:ext cx="0" cy="998975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/>
          </p:spPr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4E2FB9C7-FEF7-6A40-AA4E-A7D4D62134D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097385" y="1297350"/>
              <a:ext cx="2828291" cy="1"/>
            </a:xfrm>
            <a:prstGeom prst="line">
              <a:avLst/>
            </a:prstGeom>
            <a:noFill/>
            <a:ln w="6350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  <a:headEnd type="none"/>
              <a:tailEnd type="triangle"/>
            </a:ln>
            <a:effectLst/>
          </p:spPr>
        </p:cxnSp>
      </p:grpSp>
      <p:sp>
        <p:nvSpPr>
          <p:cNvPr id="35" name="Oval 34">
            <a:extLst>
              <a:ext uri="{FF2B5EF4-FFF2-40B4-BE49-F238E27FC236}">
                <a16:creationId xmlns:a16="http://schemas.microsoft.com/office/drawing/2014/main" id="{44F8BBB9-6D7D-F045-8977-4F40FC587F59}"/>
              </a:ext>
            </a:extLst>
          </p:cNvPr>
          <p:cNvSpPr/>
          <p:nvPr/>
        </p:nvSpPr>
        <p:spPr>
          <a:xfrm>
            <a:off x="1101716" y="1833479"/>
            <a:ext cx="3569990" cy="3569990"/>
          </a:xfrm>
          <a:prstGeom prst="ellipse">
            <a:avLst/>
          </a:prstGeom>
          <a:solidFill>
            <a:srgbClr val="0D94D2"/>
          </a:solidFill>
          <a:ln w="12700" cap="flat" cmpd="sng" algn="ctr">
            <a:solidFill>
              <a:srgbClr val="0D94D2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ＭＳ Ｐゴシック" pitchFamily="34" charset="-128"/>
              <a:cs typeface="+mn-cs"/>
            </a:endParaRP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05279D26-AA59-C249-A9B2-AFA5458C6FE4}"/>
              </a:ext>
            </a:extLst>
          </p:cNvPr>
          <p:cNvGrpSpPr/>
          <p:nvPr/>
        </p:nvGrpSpPr>
        <p:grpSpPr>
          <a:xfrm>
            <a:off x="5841655" y="1514285"/>
            <a:ext cx="5253799" cy="1390369"/>
            <a:chOff x="6379479" y="1183825"/>
            <a:chExt cx="5147676" cy="1390369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6F09F9B4-0AEB-9945-9743-FF5807C386B4}"/>
                </a:ext>
              </a:extLst>
            </p:cNvPr>
            <p:cNvSpPr/>
            <p:nvPr/>
          </p:nvSpPr>
          <p:spPr>
            <a:xfrm>
              <a:off x="6381973" y="1183825"/>
              <a:ext cx="1553630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Overview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4EC8FD28-539B-F144-B1BF-89FE05CBEB71}"/>
                </a:ext>
              </a:extLst>
            </p:cNvPr>
            <p:cNvSpPr txBox="1"/>
            <p:nvPr/>
          </p:nvSpPr>
          <p:spPr>
            <a:xfrm>
              <a:off x="6379479" y="1618163"/>
              <a:ext cx="5147676" cy="9560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lvl="0" fontAlgn="auto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defRPr/>
              </a:pPr>
              <a:r>
                <a:rPr lang="en-US" sz="1800" b="0">
                  <a:solidFill>
                    <a:srgbClr val="6A737B"/>
                  </a:solidFill>
                  <a:cs typeface="Arial" panose="020B0604020202020204" pitchFamily="34" charset="0"/>
                </a:rPr>
                <a:t>Various system configurations to ensure all required data is available for FHIR API responses in accordance with the standard specifications</a:t>
              </a:r>
            </a:p>
          </p:txBody>
        </p:sp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25E3B2B3-CF57-D242-ABAF-213D904AA9CF}"/>
              </a:ext>
            </a:extLst>
          </p:cNvPr>
          <p:cNvGrpSpPr/>
          <p:nvPr/>
        </p:nvGrpSpPr>
        <p:grpSpPr>
          <a:xfrm>
            <a:off x="5841656" y="4286565"/>
            <a:ext cx="5147676" cy="1041628"/>
            <a:chOff x="6379479" y="5713088"/>
            <a:chExt cx="5147676" cy="1041628"/>
          </a:xfrm>
        </p:grpSpPr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A292475-83AC-9249-818D-050263328F49}"/>
                </a:ext>
              </a:extLst>
            </p:cNvPr>
            <p:cNvSpPr/>
            <p:nvPr/>
          </p:nvSpPr>
          <p:spPr>
            <a:xfrm>
              <a:off x="6381973" y="5713088"/>
              <a:ext cx="1208985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en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F2862DC4-BC2A-BF40-9445-6E5E4DE90BB8}"/>
                </a:ext>
              </a:extLst>
            </p:cNvPr>
            <p:cNvSpPr txBox="1"/>
            <p:nvPr/>
          </p:nvSpPr>
          <p:spPr>
            <a:xfrm>
              <a:off x="6379479" y="6093638"/>
              <a:ext cx="5147676" cy="661078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January 2021 – July 2022 (some work can be started on your own now – see </a:t>
              </a:r>
              <a:r>
                <a:rPr kumimoji="0" lang="en-US" sz="1800" b="0" i="1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Resources </a:t>
              </a:r>
              <a:r>
                <a: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6A737B"/>
                  </a:solidFill>
                  <a:effectLst/>
                  <a:uLnTx/>
                  <a:uFillTx/>
                  <a:latin typeface="Arial" pitchFamily="34" charset="0"/>
                  <a:ea typeface="ＭＳ Ｐゴシック" pitchFamily="34" charset="-128"/>
                  <a:cs typeface="Arial" panose="020B0604020202020204" pitchFamily="34" charset="0"/>
                </a:rPr>
                <a:t>slide)</a:t>
              </a: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53B278B-66E3-5F4D-BB52-98BE0D2A0553}"/>
              </a:ext>
            </a:extLst>
          </p:cNvPr>
          <p:cNvGrpSpPr/>
          <p:nvPr/>
        </p:nvGrpSpPr>
        <p:grpSpPr>
          <a:xfrm>
            <a:off x="5841655" y="2909704"/>
            <a:ext cx="5552508" cy="1390369"/>
            <a:chOff x="6379479" y="2618200"/>
            <a:chExt cx="5147676" cy="1390369"/>
          </a:xfrm>
        </p:grpSpPr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23A71DA4-2D15-DF40-AD30-0F94518F2167}"/>
                </a:ext>
              </a:extLst>
            </p:cNvPr>
            <p:cNvSpPr/>
            <p:nvPr/>
          </p:nvSpPr>
          <p:spPr>
            <a:xfrm>
              <a:off x="6381973" y="2618200"/>
              <a:ext cx="1037463" cy="46166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>
                  <a:ln>
                    <a:noFill/>
                  </a:ln>
                  <a:solidFill>
                    <a:srgbClr val="64BE28"/>
                  </a:solidFill>
                  <a:effectLst/>
                  <a:uLnTx/>
                  <a:uFillTx/>
                  <a:latin typeface="Arial"/>
                  <a:ea typeface="ＭＳ Ｐゴシック" pitchFamily="34" charset="-128"/>
                  <a:cs typeface="+mn-cs"/>
                </a:rPr>
                <a:t>Who?</a:t>
              </a: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64BE28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+mn-cs"/>
              </a:endParaRPr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E9D1992E-B0BD-0249-B722-5EEACEDFE67A}"/>
                </a:ext>
              </a:extLst>
            </p:cNvPr>
            <p:cNvSpPr txBox="1"/>
            <p:nvPr/>
          </p:nvSpPr>
          <p:spPr>
            <a:xfrm>
              <a:off x="6379479" y="3052538"/>
              <a:ext cx="5147676" cy="9560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fontAlgn="auto">
                <a:lnSpc>
                  <a:spcPts val="2260"/>
                </a:lnSpc>
                <a:spcBef>
                  <a:spcPts val="0"/>
                </a:spcBef>
                <a:spcAft>
                  <a:spcPts val="0"/>
                </a:spcAft>
                <a:buClr>
                  <a:srgbClr val="7BC143"/>
                </a:buClr>
                <a:defRPr/>
              </a:pP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</a:rPr>
                <a:t>Can be performed via Regulatory Consulting Services or client-owned (if seeking services, contact Katie </a:t>
              </a:r>
              <a:r>
                <a:rPr lang="en-US" sz="1800" b="0" dirty="0" err="1">
                  <a:solidFill>
                    <a:srgbClr val="6A737B"/>
                  </a:solidFill>
                  <a:cs typeface="Arial" panose="020B0604020202020204" pitchFamily="34" charset="0"/>
                </a:rPr>
                <a:t>Batliner</a:t>
              </a: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</a:rPr>
                <a:t> (</a:t>
              </a: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  <a:hlinkClick r:id="rId3"/>
                </a:rPr>
                <a:t>katie.batliner@cerner.com</a:t>
              </a:r>
              <a:r>
                <a:rPr lang="en-US" sz="1800" b="0" dirty="0">
                  <a:solidFill>
                    <a:srgbClr val="6A737B"/>
                  </a:solidFill>
                  <a:cs typeface="Arial" panose="020B0604020202020204" pitchFamily="34" charset="0"/>
                </a:rPr>
                <a:t>)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93D41"/>
                </a:solidFill>
                <a:effectLst/>
                <a:uLnTx/>
                <a:uFillTx/>
                <a:latin typeface="Arial"/>
                <a:ea typeface="ＭＳ Ｐゴシック" pitchFamily="34" charset="-128"/>
                <a:cs typeface="Arial"/>
              </a:endParaRPr>
            </a:p>
          </p:txBody>
        </p:sp>
      </p:grpSp>
      <p:pic>
        <p:nvPicPr>
          <p:cNvPr id="6" name="Graphic 5" descr="Fire">
            <a:extLst>
              <a:ext uri="{FF2B5EF4-FFF2-40B4-BE49-F238E27FC236}">
                <a16:creationId xmlns:a16="http://schemas.microsoft.com/office/drawing/2014/main" id="{218937C4-BDFA-4A6A-BFDC-B73B6871696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369912" y="2124573"/>
            <a:ext cx="2971897" cy="2971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0137066"/>
      </p:ext>
    </p:extLst>
  </p:cSld>
  <p:clrMapOvr>
    <a:masterClrMapping/>
  </p:clrMapOvr>
  <p:transition spd="slow"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A seamless and connected world </a:t>
            </a:r>
          </a:p>
          <a:p>
            <a:r>
              <a:rPr lang="en-US" dirty="0"/>
              <a:t>where everyone thrives</a:t>
            </a:r>
          </a:p>
        </p:txBody>
      </p:sp>
      <p:sp>
        <p:nvSpPr>
          <p:cNvPr id="18" name="Text Placeholder 20">
            <a:extLst>
              <a:ext uri="{FF2B5EF4-FFF2-40B4-BE49-F238E27FC236}">
                <a16:creationId xmlns:a16="http://schemas.microsoft.com/office/drawing/2014/main" id="{DEC089E6-D9C5-5A4B-BFA8-FF46728C7379}"/>
              </a:ext>
            </a:extLst>
          </p:cNvPr>
          <p:cNvSpPr txBox="1">
            <a:spLocks/>
          </p:cNvSpPr>
          <p:nvPr/>
        </p:nvSpPr>
        <p:spPr>
          <a:xfrm>
            <a:off x="16315" y="3404209"/>
            <a:ext cx="12172509" cy="614276"/>
          </a:xfrm>
          <a:prstGeom prst="rect">
            <a:avLst/>
          </a:prstGeom>
        </p:spPr>
        <p:txBody>
          <a:bodyPr lIns="365760" tIns="0" rIns="0" bIns="0" anchor="b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000" b="0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Cerner Vision</a:t>
            </a:r>
          </a:p>
        </p:txBody>
      </p:sp>
    </p:spTree>
    <p:extLst>
      <p:ext uri="{BB962C8B-B14F-4D97-AF65-F5344CB8AC3E}">
        <p14:creationId xmlns:p14="http://schemas.microsoft.com/office/powerpoint/2010/main" val="969209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Roadmap</a:t>
            </a:r>
          </a:p>
        </p:txBody>
      </p:sp>
    </p:spTree>
    <p:extLst>
      <p:ext uri="{BB962C8B-B14F-4D97-AF65-F5344CB8AC3E}">
        <p14:creationId xmlns:p14="http://schemas.microsoft.com/office/powerpoint/2010/main" val="1562547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7ECDD8F1-D973-4E0A-88D0-137C8E2D0DD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624930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spc="-38" dirty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B388F22-C381-4C80-8418-394EC2B59C2B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66861" y="2620793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spc="-38" dirty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2022</a:t>
            </a:r>
          </a:p>
        </p:txBody>
      </p:sp>
      <p:cxnSp>
        <p:nvCxnSpPr>
          <p:cNvPr id="83" name="OTLSHAPE_T_de6af158790c49e48296c445da52e244_RightVerticalConnector1">
            <a:extLst>
              <a:ext uri="{FF2B5EF4-FFF2-40B4-BE49-F238E27FC236}">
                <a16:creationId xmlns:a16="http://schemas.microsoft.com/office/drawing/2014/main" id="{B4AEC208-A7D2-49E3-9AD6-C77EB3E2DE4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V="1">
            <a:off x="10435668" y="2921094"/>
            <a:ext cx="0" cy="78295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f394c57e8e3444f8a0c4e93dd11f0eb3_RightVerticalConnector1">
            <a:extLst>
              <a:ext uri="{FF2B5EF4-FFF2-40B4-BE49-F238E27FC236}">
                <a16:creationId xmlns:a16="http://schemas.microsoft.com/office/drawing/2014/main" id="{EBB64A9D-9CC7-4409-8A6D-E320251DDAE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435668" y="2921094"/>
            <a:ext cx="0" cy="78295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a206fbac4a8e44b49f77838932f4cd22_RightVerticalConnector1">
            <a:extLst>
              <a:ext uri="{FF2B5EF4-FFF2-40B4-BE49-F238E27FC236}">
                <a16:creationId xmlns:a16="http://schemas.microsoft.com/office/drawing/2014/main" id="{16EBA692-8956-481A-89E0-D9C63A38D1A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435668" y="2921094"/>
            <a:ext cx="0" cy="78295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4a80143b639e4aa7a69bedfe74008ee8_LeftVerticalConnector1">
            <a:extLst>
              <a:ext uri="{FF2B5EF4-FFF2-40B4-BE49-F238E27FC236}">
                <a16:creationId xmlns:a16="http://schemas.microsoft.com/office/drawing/2014/main" id="{01F6906D-B294-4562-BDB9-D04CEA91E22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155419" y="2921094"/>
            <a:ext cx="0" cy="78295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_4a80143b639e4aa7a69bedfe74008ee8_RightVerticalConnector1">
            <a:extLst>
              <a:ext uri="{FF2B5EF4-FFF2-40B4-BE49-F238E27FC236}">
                <a16:creationId xmlns:a16="http://schemas.microsoft.com/office/drawing/2014/main" id="{F791EDE4-444E-4704-94D7-8D74302B19D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V="1">
            <a:off x="10039767" y="2921094"/>
            <a:ext cx="0" cy="78295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M_e90003cb2318436da516904e41a455e2_Connector1">
            <a:extLst>
              <a:ext uri="{FF2B5EF4-FFF2-40B4-BE49-F238E27FC236}">
                <a16:creationId xmlns:a16="http://schemas.microsoft.com/office/drawing/2014/main" id="{45A48C51-76A2-4F30-88DD-1E148040BEF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879330" y="1626598"/>
            <a:ext cx="0" cy="913496"/>
          </a:xfrm>
          <a:prstGeom prst="line">
            <a:avLst/>
          </a:prstGeom>
          <a:ln w="9144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9e04d4af27a048c1835a49a9e04a7bc8_Connector1">
            <a:extLst>
              <a:ext uri="{FF2B5EF4-FFF2-40B4-BE49-F238E27FC236}">
                <a16:creationId xmlns:a16="http://schemas.microsoft.com/office/drawing/2014/main" id="{89A10E4D-CDFA-414F-A3AE-E8005506932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456930" y="1921053"/>
            <a:ext cx="0" cy="619040"/>
          </a:xfrm>
          <a:prstGeom prst="line">
            <a:avLst/>
          </a:prstGeom>
          <a:ln w="9144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4a80143b639e4aa7a69bedfe74008ee8_RightVerticalConnector2">
            <a:extLst>
              <a:ext uri="{FF2B5EF4-FFF2-40B4-BE49-F238E27FC236}">
                <a16:creationId xmlns:a16="http://schemas.microsoft.com/office/drawing/2014/main" id="{708955DE-4890-4ABA-A5FB-709F4A5E233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039767" y="3898777"/>
            <a:ext cx="0" cy="63500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88b1828f9ce94f68bd97c97c03bd44e3_LeftVerticalConnector2">
            <a:extLst>
              <a:ext uri="{FF2B5EF4-FFF2-40B4-BE49-F238E27FC236}">
                <a16:creationId xmlns:a16="http://schemas.microsoft.com/office/drawing/2014/main" id="{7E048FF1-4B37-419B-9672-0862B6163BE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285993" y="3624208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88b1828f9ce94f68bd97c97c03bd44e3_LeftVerticalConnector3">
            <a:extLst>
              <a:ext uri="{FF2B5EF4-FFF2-40B4-BE49-F238E27FC236}">
                <a16:creationId xmlns:a16="http://schemas.microsoft.com/office/drawing/2014/main" id="{C9802B20-5788-4B1C-9839-09A702C783B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285993" y="2856254"/>
            <a:ext cx="0" cy="155446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de6af158790c49e48296c445da52e244_LeftVerticalConnector2">
            <a:extLst>
              <a:ext uri="{FF2B5EF4-FFF2-40B4-BE49-F238E27FC236}">
                <a16:creationId xmlns:a16="http://schemas.microsoft.com/office/drawing/2014/main" id="{291054FC-412A-4AF0-869B-B0E50426AE4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23199" y="2772627"/>
            <a:ext cx="0" cy="1110715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_88b1828f9ce94f68bd97c97c03bd44e3_RightVerticalConnector3">
            <a:extLst>
              <a:ext uri="{FF2B5EF4-FFF2-40B4-BE49-F238E27FC236}">
                <a16:creationId xmlns:a16="http://schemas.microsoft.com/office/drawing/2014/main" id="{16523A1D-18E7-4894-AE1E-3563C9D5911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436938" y="3898777"/>
            <a:ext cx="0" cy="8758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4a80143b639e4aa7a69bedfe74008ee8_LeftVerticalConnector4">
            <a:extLst>
              <a:ext uri="{FF2B5EF4-FFF2-40B4-BE49-F238E27FC236}">
                <a16:creationId xmlns:a16="http://schemas.microsoft.com/office/drawing/2014/main" id="{DD15EA8E-7195-4F59-A03D-C94DCC71CAA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155419" y="3874689"/>
            <a:ext cx="0" cy="189188"/>
          </a:xfrm>
          <a:prstGeom prst="line">
            <a:avLst/>
          </a:prstGeom>
          <a:ln w="9144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88b1828f9ce94f68bd97c97c03bd44e3_RightVerticalConnector4">
            <a:extLst>
              <a:ext uri="{FF2B5EF4-FFF2-40B4-BE49-F238E27FC236}">
                <a16:creationId xmlns:a16="http://schemas.microsoft.com/office/drawing/2014/main" id="{FA8EF543-1657-4905-85A4-F93BF83FC87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436938" y="4141389"/>
            <a:ext cx="0" cy="8758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B_00000000000000000000000000000000_ScaleContainer">
            <a:extLst>
              <a:ext uri="{FF2B5EF4-FFF2-40B4-BE49-F238E27FC236}">
                <a16:creationId xmlns:a16="http://schemas.microsoft.com/office/drawing/2014/main" id="{D9264AC7-6D71-4630-8633-8EB9249CD41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540094"/>
            <a:ext cx="105029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73" name="OTLSHAPE_TB_00000000000000000000000000000000_ElapsedTime">
            <a:extLst>
              <a:ext uri="{FF2B5EF4-FFF2-40B4-BE49-F238E27FC236}">
                <a16:creationId xmlns:a16="http://schemas.microsoft.com/office/drawing/2014/main" id="{7FADA6D5-34D5-4A20-8356-8B892E9155C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2703" y="2540094"/>
            <a:ext cx="201154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B3D72E4-19BE-47C2-AFCB-E58A25F4823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743825" y="292109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260A802-3F22-4672-A936-232E1461B5B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618125" y="304809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12" dirty="0">
                <a:solidFill>
                  <a:srgbClr val="000000"/>
                </a:solidFill>
                <a:latin typeface="Calibri" panose="020F0502020204030204" pitchFamily="34" charset="0"/>
                <a:ea typeface="+mn-ea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F159A7B-FA29-4788-8056-241F4662A72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73065" y="263756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0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Jul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E91C428-D46D-4DB3-806C-9074FC16C70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211279" y="263756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2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F986DFA-AF1C-4297-98B9-C7AF8B120EC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349493" y="263756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0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202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436BA5A-D03B-473D-A77D-CFE09309CFB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462964" y="2637567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18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34E3DB7-D7A8-46B9-BD62-BC3448D999F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588806" y="263756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0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Jul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CC20E141-C052-4903-874D-6E1E0D7ACB0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727020" y="263756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2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Oct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2EB0652D-7EA3-44F5-AA6D-AFBC2F3CED1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865234" y="263756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0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2022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C159746-D064-4C68-BEBD-BFE1E34D992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978704" y="2637567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18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Apr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8766FC0-E9A4-4F59-B28B-A085C42A622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104546" y="263756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0" spc="-20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Jul</a:t>
            </a:r>
          </a:p>
        </p:txBody>
      </p:sp>
      <p:cxnSp>
        <p:nvCxnSpPr>
          <p:cNvPr id="74" name="OTLSHAPE_TB_00000000000000000000000000000000_Separator1">
            <a:extLst>
              <a:ext uri="{FF2B5EF4-FFF2-40B4-BE49-F238E27FC236}">
                <a16:creationId xmlns:a16="http://schemas.microsoft.com/office/drawing/2014/main" id="{9DC95024-928C-4AEB-A445-6BB666B9879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147779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2">
            <a:extLst>
              <a:ext uri="{FF2B5EF4-FFF2-40B4-BE49-F238E27FC236}">
                <a16:creationId xmlns:a16="http://schemas.microsoft.com/office/drawing/2014/main" id="{CBCC55AA-DDFC-4A51-B109-E092B448A57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285993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3">
            <a:extLst>
              <a:ext uri="{FF2B5EF4-FFF2-40B4-BE49-F238E27FC236}">
                <a16:creationId xmlns:a16="http://schemas.microsoft.com/office/drawing/2014/main" id="{79FA005C-8320-48FD-B7A9-E2C80D35A13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399463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4">
            <a:extLst>
              <a:ext uri="{FF2B5EF4-FFF2-40B4-BE49-F238E27FC236}">
                <a16:creationId xmlns:a16="http://schemas.microsoft.com/office/drawing/2014/main" id="{3D1CD477-0972-493C-B2A3-8F015E9E9D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525305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5">
            <a:extLst>
              <a:ext uri="{FF2B5EF4-FFF2-40B4-BE49-F238E27FC236}">
                <a16:creationId xmlns:a16="http://schemas.microsoft.com/office/drawing/2014/main" id="{27127174-FCC2-4341-8649-0E005471A19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663520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Separator6">
            <a:extLst>
              <a:ext uri="{FF2B5EF4-FFF2-40B4-BE49-F238E27FC236}">
                <a16:creationId xmlns:a16="http://schemas.microsoft.com/office/drawing/2014/main" id="{11086D8E-C87A-4329-9929-301C251AB14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801733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Separator7">
            <a:extLst>
              <a:ext uri="{FF2B5EF4-FFF2-40B4-BE49-F238E27FC236}">
                <a16:creationId xmlns:a16="http://schemas.microsoft.com/office/drawing/2014/main" id="{59DBE514-A73C-447B-B72C-F33D7203EE1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915204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Separator8">
            <a:extLst>
              <a:ext uri="{FF2B5EF4-FFF2-40B4-BE49-F238E27FC236}">
                <a16:creationId xmlns:a16="http://schemas.microsoft.com/office/drawing/2014/main" id="{9D6632FB-329D-442C-B287-1C626C42E29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041046" y="2603594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_de6af158790c49e48296c445da52e244_Shape">
            <a:extLst>
              <a:ext uri="{FF2B5EF4-FFF2-40B4-BE49-F238E27FC236}">
                <a16:creationId xmlns:a16="http://schemas.microsoft.com/office/drawing/2014/main" id="{7BCABECF-781C-4E78-933E-EB1F616083B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21929" y="3704049"/>
            <a:ext cx="9423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05" name="OTLSHAPE_T_4a80143b639e4aa7a69bedfe74008ee8_Shape">
            <a:extLst>
              <a:ext uri="{FF2B5EF4-FFF2-40B4-BE49-F238E27FC236}">
                <a16:creationId xmlns:a16="http://schemas.microsoft.com/office/drawing/2014/main" id="{FEFC0771-32FC-495D-9904-5BB3167BF0C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154149" y="3962277"/>
            <a:ext cx="4889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48" name="OTLSHAPE_T_88b1828f9ce94f68bd97c97c03bd44e3_Shape">
            <a:extLst>
              <a:ext uri="{FF2B5EF4-FFF2-40B4-BE49-F238E27FC236}">
                <a16:creationId xmlns:a16="http://schemas.microsoft.com/office/drawing/2014/main" id="{B1E6792D-A2C4-408B-BA64-D876BA59B3E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285993" y="4228977"/>
            <a:ext cx="7162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/>
          </a:p>
        </p:txBody>
      </p:sp>
      <p:sp>
        <p:nvSpPr>
          <p:cNvPr id="127" name="OTLSHAPE_T_85a74045bf4443479516b1557cbf6064_Shape">
            <a:extLst>
              <a:ext uri="{FF2B5EF4-FFF2-40B4-BE49-F238E27FC236}">
                <a16:creationId xmlns:a16="http://schemas.microsoft.com/office/drawing/2014/main" id="{0E74F7A2-20FF-4977-8E9B-BD88B33D6A9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75883" y="2350619"/>
            <a:ext cx="26162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de6af158790c49e48296c445da52e244_ShapePercentage" hidden="1">
            <a:extLst>
              <a:ext uri="{FF2B5EF4-FFF2-40B4-BE49-F238E27FC236}">
                <a16:creationId xmlns:a16="http://schemas.microsoft.com/office/drawing/2014/main" id="{BFBC454B-0703-4D09-B3DF-766CE514FE0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21929" y="42120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02" name="OTLSHAPE_T_f394c57e8e3444f8a0c4e93dd11f0eb3_ShapePercentage" hidden="1">
            <a:extLst>
              <a:ext uri="{FF2B5EF4-FFF2-40B4-BE49-F238E27FC236}">
                <a16:creationId xmlns:a16="http://schemas.microsoft.com/office/drawing/2014/main" id="{265D0122-511E-403E-92E1-ACF1F422BA0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399464" y="44787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04" name="OTLSHAPE_T_a206fbac4a8e44b49f77838932f4cd22_ShapePercentage" hidden="1">
            <a:extLst>
              <a:ext uri="{FF2B5EF4-FFF2-40B4-BE49-F238E27FC236}">
                <a16:creationId xmlns:a16="http://schemas.microsoft.com/office/drawing/2014/main" id="{AB0B307D-3D20-4573-B7BE-669DDBF4E29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525306" y="47454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06" name="OTLSHAPE_T_4a80143b639e4aa7a69bedfe74008ee8_ShapePercentage" hidden="1">
            <a:extLst>
              <a:ext uri="{FF2B5EF4-FFF2-40B4-BE49-F238E27FC236}">
                <a16:creationId xmlns:a16="http://schemas.microsoft.com/office/drawing/2014/main" id="{A5481EF8-8069-44C9-A3C7-9BA3D37A9D8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54149" y="50121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55" name="OTLSHAPE_T_88b1828f9ce94f68bd97c97c03bd44e3_ShapePercentage" hidden="1">
            <a:extLst>
              <a:ext uri="{FF2B5EF4-FFF2-40B4-BE49-F238E27FC236}">
                <a16:creationId xmlns:a16="http://schemas.microsoft.com/office/drawing/2014/main" id="{AF9AB487-18D9-47BE-B5C9-E1990A56FE6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285993" y="52788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798"/>
          </a:p>
        </p:txBody>
      </p:sp>
      <p:sp>
        <p:nvSpPr>
          <p:cNvPr id="71" name="OTLSHAPE_T_f07466697cd74bda8675b228e7584ce3_ShapePercentage" hidden="1">
            <a:extLst>
              <a:ext uri="{FF2B5EF4-FFF2-40B4-BE49-F238E27FC236}">
                <a16:creationId xmlns:a16="http://schemas.microsoft.com/office/drawing/2014/main" id="{7F968F38-C741-45B4-BEBA-ABA80AFD091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09565" y="394535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85a74045bf4443479516b1557cbf6064_ShapePercentage" hidden="1">
            <a:extLst>
              <a:ext uri="{FF2B5EF4-FFF2-40B4-BE49-F238E27FC236}">
                <a16:creationId xmlns:a16="http://schemas.microsoft.com/office/drawing/2014/main" id="{D8F437BE-70C5-452D-B081-47A9085B98A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75883" y="164256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de6af158790c49e48296c445da52e244_Duration" hidden="1">
            <a:extLst>
              <a:ext uri="{FF2B5EF4-FFF2-40B4-BE49-F238E27FC236}">
                <a16:creationId xmlns:a16="http://schemas.microsoft.com/office/drawing/2014/main" id="{DB3CCB6A-1530-411F-9B3A-5E89CCF85A1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696" y="-386556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543 days</a:t>
            </a:r>
          </a:p>
        </p:txBody>
      </p:sp>
      <p:sp>
        <p:nvSpPr>
          <p:cNvPr id="26" name="OTLSHAPE_T_de6af158790c49e48296c445da52e244_TextPercentage" hidden="1">
            <a:extLst>
              <a:ext uri="{FF2B5EF4-FFF2-40B4-BE49-F238E27FC236}">
                <a16:creationId xmlns:a16="http://schemas.microsoft.com/office/drawing/2014/main" id="{3BD5AC2C-566F-41F8-B2DA-966B21EC63C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696" y="751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>
              <a:solidFill>
                <a:srgbClr val="ED7D31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27" name="OTLSHAPE_T_de6af158790c49e48296c445da52e244_StartDate">
            <a:extLst>
              <a:ext uri="{FF2B5EF4-FFF2-40B4-BE49-F238E27FC236}">
                <a16:creationId xmlns:a16="http://schemas.microsoft.com/office/drawing/2014/main" id="{B71F5B73-AD47-47EC-906C-D5A57B4BBA5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56177" y="3728137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Jul 1 '20</a:t>
            </a:r>
          </a:p>
        </p:txBody>
      </p:sp>
      <p:sp>
        <p:nvSpPr>
          <p:cNvPr id="28" name="OTLSHAPE_T_de6af158790c49e48296c445da52e244_EndDate">
            <a:extLst>
              <a:ext uri="{FF2B5EF4-FFF2-40B4-BE49-F238E27FC236}">
                <a16:creationId xmlns:a16="http://schemas.microsoft.com/office/drawing/2014/main" id="{A2EFADD1-924F-4149-ACE4-0A99C72F69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487738" y="3728137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 dirty="0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Aug 1 '22</a:t>
            </a:r>
          </a:p>
        </p:txBody>
      </p:sp>
      <p:sp>
        <p:nvSpPr>
          <p:cNvPr id="29" name="OTLSHAPE_T_de6af158790c49e48296c445da52e244_JoinedDate" hidden="1">
            <a:extLst>
              <a:ext uri="{FF2B5EF4-FFF2-40B4-BE49-F238E27FC236}">
                <a16:creationId xmlns:a16="http://schemas.microsoft.com/office/drawing/2014/main" id="{D43D5A41-18B9-4348-A423-92838685984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87599" y="-1647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 spc="-2">
              <a:solidFill>
                <a:srgbClr val="44546A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30" name="OTLSHAPE_T_de6af158790c49e48296c445da52e244_Title">
            <a:extLst>
              <a:ext uri="{FF2B5EF4-FFF2-40B4-BE49-F238E27FC236}">
                <a16:creationId xmlns:a16="http://schemas.microsoft.com/office/drawing/2014/main" id="{4DCCA3F7-831C-4239-A3A4-6D8E6F14A66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916718" y="3720390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FHIR API R4 Mappings Work</a:t>
            </a:r>
          </a:p>
        </p:txBody>
      </p:sp>
      <p:sp>
        <p:nvSpPr>
          <p:cNvPr id="33" name="OTLSHAPE_T_f394c57e8e3444f8a0c4e93dd11f0eb3_Duration" hidden="1">
            <a:extLst>
              <a:ext uri="{FF2B5EF4-FFF2-40B4-BE49-F238E27FC236}">
                <a16:creationId xmlns:a16="http://schemas.microsoft.com/office/drawing/2014/main" id="{C1051150-4873-4E03-88A0-E0C8BC9F866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696" y="-38095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348 days</a:t>
            </a:r>
          </a:p>
        </p:txBody>
      </p:sp>
      <p:sp>
        <p:nvSpPr>
          <p:cNvPr id="34" name="OTLSHAPE_T_f394c57e8e3444f8a0c4e93dd11f0eb3_TextPercentage" hidden="1">
            <a:extLst>
              <a:ext uri="{FF2B5EF4-FFF2-40B4-BE49-F238E27FC236}">
                <a16:creationId xmlns:a16="http://schemas.microsoft.com/office/drawing/2014/main" id="{5E7C5863-6FD8-4C56-82C3-6F074D1A288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696" y="751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>
              <a:solidFill>
                <a:srgbClr val="ED7D31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37" name="OTLSHAPE_T_f394c57e8e3444f8a0c4e93dd11f0eb3_JoinedDate" hidden="1">
            <a:extLst>
              <a:ext uri="{FF2B5EF4-FFF2-40B4-BE49-F238E27FC236}">
                <a16:creationId xmlns:a16="http://schemas.microsoft.com/office/drawing/2014/main" id="{3A97C1A3-609F-4916-9D38-670208A0458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06080" y="21517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 spc="-4">
              <a:solidFill>
                <a:srgbClr val="44546A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41" name="OTLSHAPE_T_a206fbac4a8e44b49f77838932f4cd22_Duration" hidden="1">
            <a:extLst>
              <a:ext uri="{FF2B5EF4-FFF2-40B4-BE49-F238E27FC236}">
                <a16:creationId xmlns:a16="http://schemas.microsoft.com/office/drawing/2014/main" id="{07B5B0D8-60E8-427F-9AB1-12098342A98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696" y="-38095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283 days</a:t>
            </a:r>
          </a:p>
        </p:txBody>
      </p:sp>
      <p:sp>
        <p:nvSpPr>
          <p:cNvPr id="42" name="OTLSHAPE_T_a206fbac4a8e44b49f77838932f4cd22_TextPercentage" hidden="1">
            <a:extLst>
              <a:ext uri="{FF2B5EF4-FFF2-40B4-BE49-F238E27FC236}">
                <a16:creationId xmlns:a16="http://schemas.microsoft.com/office/drawing/2014/main" id="{5C57A969-5C3C-4748-8D58-4C8F8DB574B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696" y="751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>
              <a:solidFill>
                <a:srgbClr val="ED7D31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45" name="OTLSHAPE_T_a206fbac4a8e44b49f77838932f4cd22_JoinedDate" hidden="1">
            <a:extLst>
              <a:ext uri="{FF2B5EF4-FFF2-40B4-BE49-F238E27FC236}">
                <a16:creationId xmlns:a16="http://schemas.microsoft.com/office/drawing/2014/main" id="{026C1433-7BB4-4FB8-826A-16C361CA9EB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416584" y="5942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 spc="-4">
              <a:solidFill>
                <a:srgbClr val="44546A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49" name="OTLSHAPE_T_4a80143b639e4aa7a69bedfe74008ee8_Duration" hidden="1">
            <a:extLst>
              <a:ext uri="{FF2B5EF4-FFF2-40B4-BE49-F238E27FC236}">
                <a16:creationId xmlns:a16="http://schemas.microsoft.com/office/drawing/2014/main" id="{C15EDD8E-BFD2-4C72-8C69-3DEF679E463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696" y="-38095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ea typeface="+mn-ea"/>
              </a:rPr>
              <a:t>283 days</a:t>
            </a:r>
          </a:p>
        </p:txBody>
      </p:sp>
      <p:sp>
        <p:nvSpPr>
          <p:cNvPr id="50" name="OTLSHAPE_T_4a80143b639e4aa7a69bedfe74008ee8_TextPercentage" hidden="1">
            <a:extLst>
              <a:ext uri="{FF2B5EF4-FFF2-40B4-BE49-F238E27FC236}">
                <a16:creationId xmlns:a16="http://schemas.microsoft.com/office/drawing/2014/main" id="{C792EB5E-47C3-4805-B8B0-6C0933A933B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696" y="751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>
              <a:solidFill>
                <a:srgbClr val="ED7D31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51" name="OTLSHAPE_T_4a80143b639e4aa7a69bedfe74008ee8_StartDate">
            <a:extLst>
              <a:ext uri="{FF2B5EF4-FFF2-40B4-BE49-F238E27FC236}">
                <a16:creationId xmlns:a16="http://schemas.microsoft.com/office/drawing/2014/main" id="{064DFE38-9686-4759-B233-BA17A14CAD1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50806" y="398636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Jun 1 '21</a:t>
            </a:r>
          </a:p>
        </p:txBody>
      </p:sp>
      <p:sp>
        <p:nvSpPr>
          <p:cNvPr id="52" name="OTLSHAPE_T_4a80143b639e4aa7a69bedfe74008ee8_EndDate">
            <a:extLst>
              <a:ext uri="{FF2B5EF4-FFF2-40B4-BE49-F238E27FC236}">
                <a16:creationId xmlns:a16="http://schemas.microsoft.com/office/drawing/2014/main" id="{6A52E281-CFAF-4908-A164-B205066CA6D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91837" y="3986365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Jun 30 '22</a:t>
            </a:r>
          </a:p>
        </p:txBody>
      </p:sp>
      <p:sp>
        <p:nvSpPr>
          <p:cNvPr id="53" name="OTLSHAPE_T_4a80143b639e4aa7a69bedfe74008ee8_JoinedDate" hidden="1">
            <a:extLst>
              <a:ext uri="{FF2B5EF4-FFF2-40B4-BE49-F238E27FC236}">
                <a16:creationId xmlns:a16="http://schemas.microsoft.com/office/drawing/2014/main" id="{1598278F-133B-4B03-AA98-FE308CFA028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169778" y="97324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00" b="0" spc="-2">
              <a:solidFill>
                <a:srgbClr val="44546A"/>
              </a:solidFill>
              <a:latin typeface="Calibri" panose="020F0502020204030204" pitchFamily="34" charset="0"/>
              <a:ea typeface="+mn-ea"/>
            </a:endParaRPr>
          </a:p>
        </p:txBody>
      </p:sp>
      <p:sp>
        <p:nvSpPr>
          <p:cNvPr id="54" name="OTLSHAPE_T_4a80143b639e4aa7a69bedfe74008ee8_Title">
            <a:extLst>
              <a:ext uri="{FF2B5EF4-FFF2-40B4-BE49-F238E27FC236}">
                <a16:creationId xmlns:a16="http://schemas.microsoft.com/office/drawing/2014/main" id="{8BAA0F24-6DED-4211-8826-9EEE70912CA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17895" y="3979055"/>
            <a:ext cx="20925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  <a:ea typeface="+mn-ea"/>
              </a:rPr>
              <a:t>2018.08 Millennium Code Upgrades</a:t>
            </a:r>
          </a:p>
        </p:txBody>
      </p:sp>
      <p:sp>
        <p:nvSpPr>
          <p:cNvPr id="57" name="OTLSHAPE_T_88b1828f9ce94f68bd97c97c03bd44e3_Duration" hidden="1">
            <a:extLst>
              <a:ext uri="{FF2B5EF4-FFF2-40B4-BE49-F238E27FC236}">
                <a16:creationId xmlns:a16="http://schemas.microsoft.com/office/drawing/2014/main" id="{4132E8C3-C170-4AC7-AAD1-05060CB10A5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696" y="-38655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</a:rPr>
              <a:t>412 days</a:t>
            </a:r>
          </a:p>
        </p:txBody>
      </p:sp>
      <p:sp>
        <p:nvSpPr>
          <p:cNvPr id="58" name="OTLSHAPE_T_88b1828f9ce94f68bd97c97c03bd44e3_TextPercentage" hidden="1">
            <a:extLst>
              <a:ext uri="{FF2B5EF4-FFF2-40B4-BE49-F238E27FC236}">
                <a16:creationId xmlns:a16="http://schemas.microsoft.com/office/drawing/2014/main" id="{6F4CFEBA-3C8A-4FD7-AC5E-4E678A18181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696" y="75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8b1828f9ce94f68bd97c97c03bd44e3_JoinedDate" hidden="1">
            <a:extLst>
              <a:ext uri="{FF2B5EF4-FFF2-40B4-BE49-F238E27FC236}">
                <a16:creationId xmlns:a16="http://schemas.microsoft.com/office/drawing/2014/main" id="{CF33B61B-36E8-47AE-B946-8022F5DB1FE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696" y="-183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88b1828f9ce94f68bd97c97c03bd44e3_StartDate">
            <a:extLst>
              <a:ext uri="{FF2B5EF4-FFF2-40B4-BE49-F238E27FC236}">
                <a16:creationId xmlns:a16="http://schemas.microsoft.com/office/drawing/2014/main" id="{7F248A32-198C-4A35-9FAD-C23A7A8FB9C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788534" y="425306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</a:rPr>
              <a:t>Jan 1 '21</a:t>
            </a:r>
          </a:p>
        </p:txBody>
      </p:sp>
      <p:sp>
        <p:nvSpPr>
          <p:cNvPr id="61" name="OTLSHAPE_T_88b1828f9ce94f68bd97c97c03bd44e3_EndDate">
            <a:extLst>
              <a:ext uri="{FF2B5EF4-FFF2-40B4-BE49-F238E27FC236}">
                <a16:creationId xmlns:a16="http://schemas.microsoft.com/office/drawing/2014/main" id="{BCD0F505-032C-4916-9632-EB86BDC1CC8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487738" y="425306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</a:rPr>
              <a:t>Aug 1 '22</a:t>
            </a:r>
          </a:p>
        </p:txBody>
      </p:sp>
      <p:sp>
        <p:nvSpPr>
          <p:cNvPr id="62" name="OTLSHAPE_T_88b1828f9ce94f68bd97c97c03bd44e3_Title">
            <a:extLst>
              <a:ext uri="{FF2B5EF4-FFF2-40B4-BE49-F238E27FC236}">
                <a16:creationId xmlns:a16="http://schemas.microsoft.com/office/drawing/2014/main" id="{355EB596-71E4-48C0-9195-981B960A20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203648" y="4245318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FHIR API Configuration</a:t>
            </a:r>
          </a:p>
        </p:txBody>
      </p:sp>
      <p:sp>
        <p:nvSpPr>
          <p:cNvPr id="98" name="OTLSHAPE_T_f07466697cd74bda8675b228e7584ce3_Duration" hidden="1">
            <a:extLst>
              <a:ext uri="{FF2B5EF4-FFF2-40B4-BE49-F238E27FC236}">
                <a16:creationId xmlns:a16="http://schemas.microsoft.com/office/drawing/2014/main" id="{EE85EAF5-8045-4886-967E-F979B29B767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372021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196 days</a:t>
            </a:r>
          </a:p>
        </p:txBody>
      </p:sp>
      <p:sp>
        <p:nvSpPr>
          <p:cNvPr id="113" name="OTLSHAPE_T_f07466697cd74bda8675b228e7584ce3_TextPercentage" hidden="1">
            <a:extLst>
              <a:ext uri="{FF2B5EF4-FFF2-40B4-BE49-F238E27FC236}">
                <a16:creationId xmlns:a16="http://schemas.microsoft.com/office/drawing/2014/main" id="{131CF680-4251-4F04-BB5A-2C92ABFEEFE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0">
              <a:solidFill>
                <a:srgbClr val="ED7D3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14" name="OTLSHAPE_T_f07466697cd74bda8675b228e7584ce3_JoinedDate" hidden="1">
            <a:extLst>
              <a:ext uri="{FF2B5EF4-FFF2-40B4-BE49-F238E27FC236}">
                <a16:creationId xmlns:a16="http://schemas.microsoft.com/office/drawing/2014/main" id="{E28A9713-8D6C-46B4-BD52-D883B23DC7A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521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0">
              <a:solidFill>
                <a:srgbClr val="44546A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29" name="OTLSHAPE_T_85a74045bf4443479516b1557cbf6064_Duration" hidden="1">
            <a:extLst>
              <a:ext uri="{FF2B5EF4-FFF2-40B4-BE49-F238E27FC236}">
                <a16:creationId xmlns:a16="http://schemas.microsoft.com/office/drawing/2014/main" id="{712F6B1B-0973-4759-B1E7-FD9DCE41FBF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6641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0">
                <a:solidFill>
                  <a:srgbClr val="ED7D3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150 days</a:t>
            </a:r>
          </a:p>
        </p:txBody>
      </p:sp>
      <p:sp>
        <p:nvSpPr>
          <p:cNvPr id="130" name="OTLSHAPE_T_85a74045bf4443479516b1557cbf6064_TextPercentage" hidden="1">
            <a:extLst>
              <a:ext uri="{FF2B5EF4-FFF2-40B4-BE49-F238E27FC236}">
                <a16:creationId xmlns:a16="http://schemas.microsoft.com/office/drawing/2014/main" id="{F23363E2-6566-4A13-A898-3C4196792C0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0">
              <a:solidFill>
                <a:srgbClr val="ED7D3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31" name="OTLSHAPE_T_85a74045bf4443479516b1557cbf6064_JoinedDate" hidden="1">
            <a:extLst>
              <a:ext uri="{FF2B5EF4-FFF2-40B4-BE49-F238E27FC236}">
                <a16:creationId xmlns:a16="http://schemas.microsoft.com/office/drawing/2014/main" id="{D8ACA4B3-5398-449C-9439-AED0E2A0449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0">
              <a:solidFill>
                <a:srgbClr val="44546A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32" name="OTLSHAPE_T_85a74045bf4443479516b1557cbf6064_StartDate">
            <a:extLst>
              <a:ext uri="{FF2B5EF4-FFF2-40B4-BE49-F238E27FC236}">
                <a16:creationId xmlns:a16="http://schemas.microsoft.com/office/drawing/2014/main" id="{65347E69-0E45-47AE-BFF8-5232183D66E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66147" y="235836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Oct 1 '21</a:t>
            </a:r>
          </a:p>
        </p:txBody>
      </p:sp>
      <p:sp>
        <p:nvSpPr>
          <p:cNvPr id="133" name="OTLSHAPE_T_85a74045bf4443479516b1557cbf6064_EndDate">
            <a:extLst>
              <a:ext uri="{FF2B5EF4-FFF2-40B4-BE49-F238E27FC236}">
                <a16:creationId xmlns:a16="http://schemas.microsoft.com/office/drawing/2014/main" id="{28DE3E19-1A94-4F18-ACF9-1AAFD6719D6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337152" y="2358366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Apr 30 '22</a:t>
            </a:r>
          </a:p>
        </p:txBody>
      </p:sp>
      <p:sp>
        <p:nvSpPr>
          <p:cNvPr id="134" name="OTLSHAPE_T_85a74045bf4443479516b1557cbf6064_Title">
            <a:extLst>
              <a:ext uri="{FF2B5EF4-FFF2-40B4-BE49-F238E27FC236}">
                <a16:creationId xmlns:a16="http://schemas.microsoft.com/office/drawing/2014/main" id="{D2AC605F-67E7-42C2-85CA-7AE5448F9F1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979892" y="2350619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ures Updates Cloud Deployments</a:t>
            </a:r>
          </a:p>
        </p:txBody>
      </p:sp>
      <p:sp>
        <p:nvSpPr>
          <p:cNvPr id="112" name="OTLSHAPE_M_9e04d4af27a048c1835a49a9e04a7bc8_Shape">
            <a:extLst>
              <a:ext uri="{FF2B5EF4-FFF2-40B4-BE49-F238E27FC236}">
                <a16:creationId xmlns:a16="http://schemas.microsoft.com/office/drawing/2014/main" id="{08BCECB2-A397-4B13-B014-40EB71DCEC1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482330" y="1921054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0" name="OTLSHAPE_M_e90003cb2318436da516904e41a455e2_Shape">
            <a:extLst>
              <a:ext uri="{FF2B5EF4-FFF2-40B4-BE49-F238E27FC236}">
                <a16:creationId xmlns:a16="http://schemas.microsoft.com/office/drawing/2014/main" id="{7068531A-73AC-4639-B08A-A9A68645181C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5904730" y="162659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799" b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20" name="OTLSHAPE_M_9e04d4af27a048c1835a49a9e04a7bc8_Title">
            <a:extLst>
              <a:ext uri="{FF2B5EF4-FFF2-40B4-BE49-F238E27FC236}">
                <a16:creationId xmlns:a16="http://schemas.microsoft.com/office/drawing/2014/main" id="{F379B649-271A-4874-99A0-C485DEAA6CA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77909" y="1632213"/>
            <a:ext cx="977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>
                <a:solidFill>
                  <a:srgbClr val="000000"/>
                </a:solidFill>
                <a:latin typeface="Calibri" panose="020F0502020204030204" pitchFamily="34" charset="0"/>
                <a:ea typeface="+mn-ea"/>
              </a:rPr>
              <a:t>CMS Proposed Implementation Deadline</a:t>
            </a:r>
          </a:p>
        </p:txBody>
      </p:sp>
      <p:sp>
        <p:nvSpPr>
          <p:cNvPr id="21" name="OTLSHAPE_M_9e04d4af27a048c1835a49a9e04a7bc8_Date">
            <a:extLst>
              <a:ext uri="{FF2B5EF4-FFF2-40B4-BE49-F238E27FC236}">
                <a16:creationId xmlns:a16="http://schemas.microsoft.com/office/drawing/2014/main" id="{8F390CEC-A9B7-4B8B-9D3C-4139D011D67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677909" y="2169169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Aug 2 '22</a:t>
            </a:r>
          </a:p>
        </p:txBody>
      </p:sp>
      <p:sp>
        <p:nvSpPr>
          <p:cNvPr id="108" name="OTLSHAPE_M_e90003cb2318436da516904e41a455e2_Title">
            <a:extLst>
              <a:ext uri="{FF2B5EF4-FFF2-40B4-BE49-F238E27FC236}">
                <a16:creationId xmlns:a16="http://schemas.microsoft.com/office/drawing/2014/main" id="{5F6D9086-24FC-4DC5-8E20-91FB3C7BBD3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100310" y="150827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spc="-4">
                <a:solidFill>
                  <a:srgbClr val="000000"/>
                </a:solidFill>
                <a:latin typeface="Calibri" panose="020F0502020204030204" pitchFamily="34" charset="0"/>
                <a:ea typeface="+mn-ea"/>
              </a:rPr>
              <a:t>Millennium 2018.08 GA Release</a:t>
            </a:r>
          </a:p>
        </p:txBody>
      </p:sp>
      <p:sp>
        <p:nvSpPr>
          <p:cNvPr id="109" name="OTLSHAPE_M_e90003cb2318436da516904e41a455e2_Date">
            <a:extLst>
              <a:ext uri="{FF2B5EF4-FFF2-40B4-BE49-F238E27FC236}">
                <a16:creationId xmlns:a16="http://schemas.microsoft.com/office/drawing/2014/main" id="{17845166-C900-4074-A15D-3A03FD51F4D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100310" y="170419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b="0" spc="-6">
                <a:solidFill>
                  <a:srgbClr val="44546A"/>
                </a:solidFill>
                <a:latin typeface="Calibri" panose="020F0502020204030204" pitchFamily="34" charset="0"/>
                <a:ea typeface="+mn-ea"/>
              </a:rPr>
              <a:t>Jul 28 '21</a:t>
            </a:r>
          </a:p>
        </p:txBody>
      </p:sp>
      <p:sp>
        <p:nvSpPr>
          <p:cNvPr id="118" name="Title 1">
            <a:extLst>
              <a:ext uri="{FF2B5EF4-FFF2-40B4-BE49-F238E27FC236}">
                <a16:creationId xmlns:a16="http://schemas.microsoft.com/office/drawing/2014/main" id="{A421FF2C-38F3-4A41-904B-7EBCEDA70C9B}"/>
              </a:ext>
            </a:extLst>
          </p:cNvPr>
          <p:cNvSpPr txBox="1">
            <a:spLocks/>
          </p:cNvSpPr>
          <p:nvPr/>
        </p:nvSpPr>
        <p:spPr>
          <a:xfrm>
            <a:off x="242529" y="196946"/>
            <a:ext cx="12193174" cy="701675"/>
          </a:xfrm>
          <a:prstGeom prst="rect">
            <a:avLst/>
          </a:prstGeom>
        </p:spPr>
        <p:txBody>
          <a:bodyPr/>
          <a:lstStyle>
            <a:lvl1pPr algn="l" defTabSz="1218354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GB" sz="3600" b="1" i="0" kern="1200" baseline="0" dirty="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dirty="0"/>
              <a:t>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8728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750"/>
    </mc:Choice>
    <mc:Fallback xmlns="">
      <p:transition spd="slow"/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oadmap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9A145E-BB6E-3B4E-A668-050DCD28DEB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Iterative Production Release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BE2B1A7C-2539-A945-9D5F-7B283DB0E9AA}"/>
              </a:ext>
            </a:extLst>
          </p:cNvPr>
          <p:cNvGraphicFramePr>
            <a:graphicFrameLocks noGrp="1"/>
          </p:cNvGraphicFramePr>
          <p:nvPr>
            <p:ph sz="quarter" idx="4294967295"/>
            <p:extLst>
              <p:ext uri="{D42A27DB-BD31-4B8C-83A1-F6EECF244321}">
                <p14:modId xmlns:p14="http://schemas.microsoft.com/office/powerpoint/2010/main" val="1058290408"/>
              </p:ext>
            </p:extLst>
          </p:nvPr>
        </p:nvGraphicFramePr>
        <p:xfrm>
          <a:off x="0" y="1447800"/>
          <a:ext cx="12188825" cy="4343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422477696"/>
      </p:ext>
    </p:extLst>
  </p:cSld>
  <p:clrMapOvr>
    <a:masterClrMapping/>
  </p:clrMapOvr>
  <p:transition spd="slow">
    <p:fade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Validation</a:t>
            </a:r>
          </a:p>
        </p:txBody>
      </p:sp>
    </p:spTree>
    <p:extLst>
      <p:ext uri="{BB962C8B-B14F-4D97-AF65-F5344CB8AC3E}">
        <p14:creationId xmlns:p14="http://schemas.microsoft.com/office/powerpoint/2010/main" val="38915701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782522-7F1C-3348-8D20-FE24C90540B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70212" y="2247900"/>
            <a:ext cx="6248400" cy="2362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8922736"/>
      </p:ext>
    </p:extLst>
  </p:cSld>
  <p:clrMapOvr>
    <a:masterClrMapping/>
  </p:clrMapOvr>
  <p:transition spd="slow">
    <p:fade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References</a:t>
            </a:r>
          </a:p>
        </p:txBody>
      </p:sp>
    </p:spTree>
    <p:extLst>
      <p:ext uri="{BB962C8B-B14F-4D97-AF65-F5344CB8AC3E}">
        <p14:creationId xmlns:p14="http://schemas.microsoft.com/office/powerpoint/2010/main" val="28314449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9A145E-BB6E-3B4E-A668-050DCD28DEB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Cern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874B83C-F503-FF42-B794-1479E71BFA08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0" y="1447800"/>
            <a:ext cx="12188825" cy="4343400"/>
          </a:xfrm>
        </p:spPr>
        <p:txBody>
          <a:bodyPr/>
          <a:lstStyle/>
          <a:p>
            <a:r>
              <a:rPr lang="en-US" dirty="0">
                <a:hlinkClick r:id="rId3"/>
              </a:rPr>
              <a:t>Cerner Ignite APIs for Millennium Release Notes</a:t>
            </a:r>
            <a:endParaRPr lang="en-US" dirty="0"/>
          </a:p>
          <a:p>
            <a:r>
              <a:rPr lang="en-US" dirty="0">
                <a:hlinkClick r:id="rId4"/>
              </a:rPr>
              <a:t>Implement Cerner Ignite APIs for Millennium</a:t>
            </a:r>
            <a:endParaRPr lang="en-US" dirty="0"/>
          </a:p>
          <a:p>
            <a:r>
              <a:rPr lang="en-US" dirty="0">
                <a:hlinkClick r:id="rId5"/>
              </a:rPr>
              <a:t>Code Portal</a:t>
            </a:r>
            <a:endParaRPr lang="en-US" dirty="0"/>
          </a:p>
          <a:p>
            <a:r>
              <a:rPr lang="en-US" dirty="0">
                <a:hlinkClick r:id="rId6"/>
              </a:rPr>
              <a:t>Google Group</a:t>
            </a:r>
            <a:endParaRPr lang="en-US" dirty="0"/>
          </a:p>
          <a:p>
            <a:r>
              <a:rPr lang="en-US" dirty="0" err="1">
                <a:hlinkClick r:id="rId7"/>
              </a:rPr>
              <a:t>FHIR.Cerner.com</a:t>
            </a:r>
            <a:endParaRPr lang="en-US" dirty="0"/>
          </a:p>
          <a:p>
            <a:r>
              <a:rPr lang="en-US" dirty="0"/>
              <a:t>Follow </a:t>
            </a:r>
            <a:r>
              <a:rPr lang="en-US" dirty="0" err="1"/>
              <a:t>uCern</a:t>
            </a:r>
            <a:r>
              <a:rPr lang="en-US" dirty="0"/>
              <a:t> </a:t>
            </a:r>
            <a:r>
              <a:rPr lang="en-US" dirty="0">
                <a:hlinkClick r:id="rId8"/>
              </a:rPr>
              <a:t>Regulatory Engagement Group (REG)</a:t>
            </a:r>
            <a:r>
              <a:rPr lang="en-US" dirty="0"/>
              <a:t> for updates</a:t>
            </a:r>
          </a:p>
          <a:p>
            <a:r>
              <a:rPr lang="en-US" dirty="0">
                <a:hlinkClick r:id="rId9"/>
              </a:rPr>
              <a:t>Cerner Cures Act Final Rule White Paper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0192883"/>
      </p:ext>
    </p:extLst>
  </p:cSld>
  <p:clrMapOvr>
    <a:masterClrMapping/>
  </p:clrMapOvr>
  <p:transition spd="slow">
    <p:fade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9A145E-BB6E-3B4E-A668-050DCD28DEB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Industr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874B83C-F503-FF42-B794-1479E71BFA08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0" y="1447800"/>
            <a:ext cx="12188825" cy="4343400"/>
          </a:xfrm>
        </p:spPr>
        <p:txBody>
          <a:bodyPr>
            <a:normAutofit/>
          </a:bodyPr>
          <a:lstStyle/>
          <a:p>
            <a:r>
              <a:rPr lang="en-US" dirty="0">
                <a:hlinkClick r:id="rId3"/>
              </a:rPr>
              <a:t>ONC Cures Act Final Rule Policy</a:t>
            </a:r>
            <a:endParaRPr lang="en-US" dirty="0"/>
          </a:p>
          <a:p>
            <a:r>
              <a:rPr lang="en-US" dirty="0">
                <a:hlinkClick r:id="rId4"/>
              </a:rPr>
              <a:t>HealthIT.gov</a:t>
            </a:r>
            <a:endParaRPr lang="en-US" dirty="0">
              <a:hlinkClick r:id="rId5"/>
            </a:endParaRPr>
          </a:p>
          <a:p>
            <a:r>
              <a:rPr lang="en-US" dirty="0">
                <a:hlinkClick r:id="rId5"/>
              </a:rPr>
              <a:t>US Core Profiles</a:t>
            </a:r>
            <a:endParaRPr lang="en-US" dirty="0"/>
          </a:p>
          <a:p>
            <a:r>
              <a:rPr lang="en-US" dirty="0">
                <a:hlinkClick r:id="rId6"/>
              </a:rPr>
              <a:t>US Core Data for Interoperability and 2015 Common Clinical Data Set</a:t>
            </a:r>
            <a:endParaRPr lang="en-US" dirty="0">
              <a:hlinkClick r:id="rId7"/>
            </a:endParaRPr>
          </a:p>
          <a:p>
            <a:r>
              <a:rPr lang="en-US" dirty="0">
                <a:hlinkClick r:id="rId8"/>
              </a:rPr>
              <a:t>USCDI</a:t>
            </a:r>
            <a:endParaRPr lang="en-US" dirty="0">
              <a:hlinkClick r:id="rId7"/>
            </a:endParaRPr>
          </a:p>
          <a:p>
            <a:r>
              <a:rPr lang="en-US" dirty="0">
                <a:hlinkClick r:id="rId7"/>
              </a:rPr>
              <a:t>Inferno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5211813"/>
      </p:ext>
    </p:extLst>
  </p:cSld>
  <p:clrMapOvr>
    <a:masterClrMapping/>
  </p:clrMapOvr>
  <p:transition spd="slow">
    <p:fade/>
  </p:transition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erson sitting on a bench&#10;&#10;Description automatically generated">
            <a:extLst>
              <a:ext uri="{FF2B5EF4-FFF2-40B4-BE49-F238E27FC236}">
                <a16:creationId xmlns:a16="http://schemas.microsoft.com/office/drawing/2014/main" id="{56E24958-BC1E-354F-8840-78BCDF7F8F2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7754" b="7754"/>
          <a:stretch/>
        </p:blipFill>
        <p:spPr>
          <a:xfrm>
            <a:off x="6833" y="0"/>
            <a:ext cx="12175159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5B656471-DE0E-1A40-B237-B3AFCD7E01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-6832" y="4953000"/>
            <a:ext cx="12188824" cy="1910080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FFFFFF"/>
              </a:highlight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09F3449-A50F-F744-A412-B10027C692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-6832" y="4343400"/>
            <a:ext cx="12195657" cy="914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FFFFFF"/>
              </a:highlight>
            </a:endParaRPr>
          </a:p>
        </p:txBody>
      </p:sp>
      <p:pic>
        <p:nvPicPr>
          <p:cNvPr id="6" name="Picture 5" descr="Cerner logo">
            <a:extLst>
              <a:ext uri="{FF2B5EF4-FFF2-40B4-BE49-F238E27FC236}">
                <a16:creationId xmlns:a16="http://schemas.microsoft.com/office/drawing/2014/main" id="{142B082F-EBB6-754D-8F72-8BDB1BE33C1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90012" y="4509820"/>
            <a:ext cx="2381250" cy="581559"/>
          </a:xfrm>
          <a:prstGeom prst="rect">
            <a:avLst/>
          </a:prstGeom>
        </p:spPr>
      </p:pic>
      <p:sp>
        <p:nvSpPr>
          <p:cNvPr id="7" name="Text Placeholder 20">
            <a:extLst>
              <a:ext uri="{FF2B5EF4-FFF2-40B4-BE49-F238E27FC236}">
                <a16:creationId xmlns:a16="http://schemas.microsoft.com/office/drawing/2014/main" id="{07F39410-5E3C-B148-8614-B825DA405900}"/>
              </a:ext>
            </a:extLst>
          </p:cNvPr>
          <p:cNvSpPr txBox="1">
            <a:spLocks/>
          </p:cNvSpPr>
          <p:nvPr/>
        </p:nvSpPr>
        <p:spPr>
          <a:xfrm>
            <a:off x="-2" y="4544563"/>
            <a:ext cx="8609014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l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000" b="1" i="0" kern="1200" baseline="0" dirty="0">
                <a:solidFill>
                  <a:schemeClr val="accent3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/>
              <a:t>Thank you.</a:t>
            </a:r>
          </a:p>
        </p:txBody>
      </p:sp>
      <p:sp>
        <p:nvSpPr>
          <p:cNvPr id="8" name="Text Placeholder 20">
            <a:extLst>
              <a:ext uri="{FF2B5EF4-FFF2-40B4-BE49-F238E27FC236}">
                <a16:creationId xmlns:a16="http://schemas.microsoft.com/office/drawing/2014/main" id="{87EB0B7F-0C82-234D-8C9D-BE03E58BC11E}"/>
              </a:ext>
            </a:extLst>
          </p:cNvPr>
          <p:cNvSpPr txBox="1">
            <a:spLocks/>
          </p:cNvSpPr>
          <p:nvPr/>
        </p:nvSpPr>
        <p:spPr>
          <a:xfrm>
            <a:off x="-2" y="5382763"/>
            <a:ext cx="8609014" cy="461913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l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800" b="0" i="0" kern="1200" baseline="0" dirty="0">
                <a:solidFill>
                  <a:schemeClr val="accent3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Brittany Brown</a:t>
            </a:r>
          </a:p>
        </p:txBody>
      </p:sp>
      <p:sp>
        <p:nvSpPr>
          <p:cNvPr id="9" name="Text Placeholder 20">
            <a:extLst>
              <a:ext uri="{FF2B5EF4-FFF2-40B4-BE49-F238E27FC236}">
                <a16:creationId xmlns:a16="http://schemas.microsoft.com/office/drawing/2014/main" id="{CE6686D9-BFDF-A946-9C78-7CA0EE07A00F}"/>
              </a:ext>
            </a:extLst>
          </p:cNvPr>
          <p:cNvSpPr txBox="1">
            <a:spLocks/>
          </p:cNvSpPr>
          <p:nvPr/>
        </p:nvSpPr>
        <p:spPr>
          <a:xfrm>
            <a:off x="-2" y="5844676"/>
            <a:ext cx="8609014" cy="403724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l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000" b="0" i="1" kern="1200" baseline="0" dirty="0">
                <a:solidFill>
                  <a:schemeClr val="accent3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 err="1"/>
              <a:t>Brittany.Brown@Cerner.co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5823592"/>
      </p:ext>
    </p:extLst>
  </p:cSld>
  <p:clrMapOvr>
    <a:masterClrMapping/>
  </p:clrMapOvr>
  <p:transition spd="slow"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6783425" y="2082093"/>
            <a:ext cx="5951166" cy="26989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sz="1999" b="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0111 101100</a:t>
            </a:r>
            <a:r>
              <a:rPr lang="en-US" sz="1999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 00011</a:t>
            </a:r>
            <a:r>
              <a:rPr lang="en-US" sz="1999" b="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1001101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-326840" y="4625173"/>
            <a:ext cx="11210925" cy="197254"/>
          </a:xfrm>
          <a:prstGeom prst="rect">
            <a:avLst/>
          </a:prstGeom>
          <a:noFill/>
        </p:spPr>
        <p:txBody>
          <a:bodyPr wrap="none" lIns="0" tIns="0" rIns="0" bIns="0" rtlCol="0">
            <a:normAutofit fontScale="92500" lnSpcReduction="10000"/>
          </a:bodyPr>
          <a:lstStyle/>
          <a:p>
            <a:r>
              <a:rPr lang="en-US" sz="1400" b="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0111 101100</a:t>
            </a:r>
            <a:r>
              <a:rPr lang="en-US" sz="140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 0</a:t>
            </a:r>
            <a:r>
              <a:rPr lang="en-US" sz="1400" b="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0111 101100</a:t>
            </a:r>
            <a:r>
              <a:rPr lang="en-US" sz="1400" dirty="0">
                <a:solidFill>
                  <a:schemeClr val="accent2"/>
                </a:solidFill>
                <a:latin typeface="Courier" charset="0"/>
                <a:ea typeface="Courier" charset="0"/>
                <a:cs typeface="Courier" charset="0"/>
              </a:rPr>
              <a:t>01</a:t>
            </a:r>
            <a:endParaRPr lang="en-US" sz="1400" b="0" dirty="0">
              <a:solidFill>
                <a:schemeClr val="accent2"/>
              </a:solidFill>
              <a:latin typeface="Courier" charset="0"/>
              <a:ea typeface="Courier" charset="0"/>
              <a:cs typeface="Courier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81185" y="1237600"/>
            <a:ext cx="11834689" cy="830781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ctr"/>
            <a:r>
              <a:rPr lang="en-US" sz="5398" dirty="0">
                <a:ln w="0"/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Arial" charset="0"/>
                <a:ea typeface="Arial" charset="0"/>
                <a:cs typeface="Arial" charset="0"/>
              </a:rPr>
              <a:t>Open Platform Vision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6517675" y="6074374"/>
            <a:ext cx="5593254" cy="245363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sz="1999" dirty="0">
                <a:solidFill>
                  <a:schemeClr val="bg1"/>
                </a:solidFill>
                <a:latin typeface="Courier" charset="0"/>
                <a:ea typeface="Courier" charset="0"/>
                <a:cs typeface="Courier" charset="0"/>
              </a:rPr>
              <a:t>&gt;  &gt;  &gt;  &gt;  &gt;  &gt;  &gt;  &gt;  &gt;  &gt;  &gt;</a:t>
            </a:r>
            <a:endParaRPr lang="en-US" sz="1999" b="0" dirty="0">
              <a:solidFill>
                <a:schemeClr val="bg1"/>
              </a:solidFill>
              <a:latin typeface="Courier" charset="0"/>
              <a:ea typeface="Courier" charset="0"/>
              <a:cs typeface="Courier" charset="0"/>
            </a:endParaRPr>
          </a:p>
          <a:p>
            <a:endParaRPr lang="en-US" sz="1999" b="0" dirty="0">
              <a:solidFill>
                <a:schemeClr val="accent2"/>
              </a:solidFill>
              <a:latin typeface="Courier" charset="0"/>
              <a:ea typeface="Courier" charset="0"/>
              <a:cs typeface="Courier" charset="0"/>
            </a:endParaRPr>
          </a:p>
          <a:p>
            <a:endParaRPr lang="en-US" sz="1999" b="0" dirty="0">
              <a:solidFill>
                <a:schemeClr val="accent2"/>
              </a:solidFill>
              <a:latin typeface="Courier" charset="0"/>
              <a:ea typeface="Courier" charset="0"/>
              <a:cs typeface="Courier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596720" y="5767468"/>
            <a:ext cx="999365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000" b="0" dirty="0">
                <a:ln w="0"/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Arial" charset="0"/>
                <a:ea typeface="Arial" charset="0"/>
                <a:cs typeface="Arial" charset="0"/>
              </a:rPr>
              <a:t>Enable Organizations to Share Information </a:t>
            </a:r>
            <a:endParaRPr lang="en-US" sz="2000" dirty="0">
              <a:ln w="0"/>
              <a:solidFill>
                <a:schemeClr val="bg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537484" y="2861036"/>
            <a:ext cx="11478389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800" b="0" spc="600" dirty="0">
                <a:ln w="0"/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Arial" charset="0"/>
                <a:ea typeface="Arial" charset="0"/>
                <a:cs typeface="Arial" charset="0"/>
              </a:rPr>
              <a:t>Accelerate Health Care Innovation and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800" b="0" spc="600" dirty="0">
                <a:ln w="0"/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Arial" charset="0"/>
                <a:ea typeface="Arial" charset="0"/>
                <a:cs typeface="Arial" charset="0"/>
              </a:rPr>
              <a:t>	Foster Data Interoperability by 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800" b="0" spc="600" dirty="0">
                <a:ln w="0"/>
                <a:solidFill>
                  <a:schemeClr val="bg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Arial" charset="0"/>
                <a:ea typeface="Arial" charset="0"/>
                <a:cs typeface="Arial" charset="0"/>
              </a:rPr>
              <a:t>		Enabling a Global Community to Amplify 		    the Power of Cerner’s Open Platforms</a:t>
            </a:r>
          </a:p>
        </p:txBody>
      </p:sp>
    </p:spTree>
    <p:extLst>
      <p:ext uri="{BB962C8B-B14F-4D97-AF65-F5344CB8AC3E}">
        <p14:creationId xmlns:p14="http://schemas.microsoft.com/office/powerpoint/2010/main" val="398926480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15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1" presetClass="entr" presetSubtype="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 tmFilter="0,0; .5, 1; 1, 1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41" presetClass="entr" presetSubtype="0" fill="hold" grpId="0" nodeType="withEffect">
                                  <p:stCondLst>
                                    <p:cond delay="5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 tmFilter="0,0; .5, 1; 1, 1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41" presetClass="entr" presetSubtype="0" fill="hold" grpId="0" nodeType="withEffect">
                                  <p:stCondLst>
                                    <p:cond delay="5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 tmFilter="0,0; .5, 1; 1, 1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2000"/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4" dur="2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7" dur="2000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20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9" grpId="0"/>
      <p:bldP spid="10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1EE3C-1079-A141-A9E9-C51C0C027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graphicFrame>
        <p:nvGraphicFramePr>
          <p:cNvPr id="3" name="Content Placeholder 2">
            <a:extLst>
              <a:ext uri="{FF2B5EF4-FFF2-40B4-BE49-F238E27FC236}">
                <a16:creationId xmlns:a16="http://schemas.microsoft.com/office/drawing/2014/main" id="{3BD52F66-117C-B441-AB73-2B69DD2C763A}"/>
              </a:ext>
            </a:extLst>
          </p:cNvPr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054486376"/>
              </p:ext>
            </p:extLst>
          </p:nvPr>
        </p:nvGraphicFramePr>
        <p:xfrm>
          <a:off x="0" y="867905"/>
          <a:ext cx="12188825" cy="49232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092856035"/>
      </p:ext>
    </p:extLst>
  </p:cSld>
  <p:clrMapOvr>
    <a:masterClrMapping/>
  </p:clrMapOvr>
  <p:transition spd="slow"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20">
            <a:extLst>
              <a:ext uri="{FF2B5EF4-FFF2-40B4-BE49-F238E27FC236}">
                <a16:creationId xmlns:a16="http://schemas.microsoft.com/office/drawing/2014/main" id="{A7AF3063-B311-1E4B-BD6D-EC8E8F90AA7E}"/>
              </a:ext>
            </a:extLst>
          </p:cNvPr>
          <p:cNvSpPr txBox="1">
            <a:spLocks/>
          </p:cNvSpPr>
          <p:nvPr/>
        </p:nvSpPr>
        <p:spPr>
          <a:xfrm>
            <a:off x="16315" y="2624277"/>
            <a:ext cx="12172509" cy="614276"/>
          </a:xfrm>
          <a:prstGeom prst="rect">
            <a:avLst/>
          </a:prstGeom>
        </p:spPr>
        <p:txBody>
          <a:bodyPr lIns="365760" tIns="0" rIns="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4400" b="1" i="0" kern="1200" baseline="0" dirty="0">
                <a:solidFill>
                  <a:schemeClr val="bg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dirty="0"/>
              <a:t>Background</a:t>
            </a:r>
          </a:p>
        </p:txBody>
      </p:sp>
    </p:spTree>
    <p:extLst>
      <p:ext uri="{BB962C8B-B14F-4D97-AF65-F5344CB8AC3E}">
        <p14:creationId xmlns:p14="http://schemas.microsoft.com/office/powerpoint/2010/main" val="3540747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26BBD1-A313-124D-8629-F04A7763594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Updated requirements for Health IT vendors and developer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06F09D-7ACA-F44E-9E7F-92A0B45050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 What is it?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4CDA5EC5-E384-D342-ABC9-06883A27C6E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33515229"/>
              </p:ext>
            </p:extLst>
          </p:nvPr>
        </p:nvGraphicFramePr>
        <p:xfrm>
          <a:off x="5019236" y="1431925"/>
          <a:ext cx="6824385" cy="45878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0242" name="Picture 2" descr="Industry Response to ONC Cures Act Final Rule | Health IT Answers">
            <a:extLst>
              <a:ext uri="{FF2B5EF4-FFF2-40B4-BE49-F238E27FC236}">
                <a16:creationId xmlns:a16="http://schemas.microsoft.com/office/drawing/2014/main" id="{7F9193A4-03DB-404D-AD6D-13F562FC29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324" y="2114428"/>
            <a:ext cx="4674032" cy="26291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13FBE301-E1A7-C647-A320-22ECA6A6C0F6}"/>
              </a:ext>
            </a:extLst>
          </p:cNvPr>
          <p:cNvSpPr txBox="1">
            <a:spLocks/>
          </p:cNvSpPr>
          <p:nvPr/>
        </p:nvSpPr>
        <p:spPr>
          <a:xfrm>
            <a:off x="8180" y="6019815"/>
            <a:ext cx="12190143" cy="457200"/>
          </a:xfrm>
          <a:prstGeom prst="rect">
            <a:avLst/>
          </a:prstGeom>
        </p:spPr>
        <p:txBody>
          <a:bodyPr vert="horz" lIns="365760" tIns="0" rIns="91440" bIns="0" rtlCol="0" anchor="ctr" anchorCtr="0">
            <a:noAutofit/>
          </a:bodyPr>
          <a:lstStyle>
            <a:lvl1pPr marL="0" indent="-182880" algn="l" defTabSz="1218354" rtl="0" eaLnBrk="1" latinLnBrk="0" hangingPunct="1">
              <a:lnSpc>
                <a:spcPct val="90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2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36576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54864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704088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6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0" indent="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lang="en-US" sz="1000" b="0" i="0" kern="1200" baseline="0" dirty="0" smtClean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6pPr>
            <a:lvl7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marR="0" indent="0" algn="l" defTabSz="1218354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tabLst/>
              <a:defRPr sz="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*Not addressed in this presentation</a:t>
            </a:r>
          </a:p>
        </p:txBody>
      </p:sp>
    </p:spTree>
    <p:extLst>
      <p:ext uri="{BB962C8B-B14F-4D97-AF65-F5344CB8AC3E}">
        <p14:creationId xmlns:p14="http://schemas.microsoft.com/office/powerpoint/2010/main" val="1672606203"/>
      </p:ext>
    </p:extLst>
  </p:cSld>
  <p:clrMapOvr>
    <a:masterClrMapping/>
  </p:clrMapOvr>
  <p:transition spd="slow"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26BBD1-A313-124D-8629-F04A7763594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US" dirty="0"/>
              <a:t>Certification Updates: </a:t>
            </a:r>
            <a:r>
              <a:rPr lang="en-US" sz="2400" dirty="0"/>
              <a:t>2015 CEHRT Cures Updates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06F09D-7ACA-F44E-9E7F-92A0B45050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 What is it?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4CDA5EC5-E384-D342-ABC9-06883A27C6E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7767148"/>
              </p:ext>
            </p:extLst>
          </p:nvPr>
        </p:nvGraphicFramePr>
        <p:xfrm>
          <a:off x="5019236" y="1295401"/>
          <a:ext cx="6838147" cy="4724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0242" name="Picture 2" descr="Industry Response to ONC Cures Act Final Rule | Health IT Answers">
            <a:extLst>
              <a:ext uri="{FF2B5EF4-FFF2-40B4-BE49-F238E27FC236}">
                <a16:creationId xmlns:a16="http://schemas.microsoft.com/office/drawing/2014/main" id="{7F9193A4-03DB-404D-AD6D-13F562FC29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324" y="2114428"/>
            <a:ext cx="4674032" cy="26291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13FBE301-E1A7-C647-A320-22ECA6A6C0F6}"/>
              </a:ext>
            </a:extLst>
          </p:cNvPr>
          <p:cNvSpPr txBox="1">
            <a:spLocks/>
          </p:cNvSpPr>
          <p:nvPr/>
        </p:nvSpPr>
        <p:spPr>
          <a:xfrm>
            <a:off x="8180" y="6019815"/>
            <a:ext cx="12190143" cy="457200"/>
          </a:xfrm>
          <a:prstGeom prst="rect">
            <a:avLst/>
          </a:prstGeom>
        </p:spPr>
        <p:txBody>
          <a:bodyPr vert="horz" lIns="365760" tIns="0" rIns="91440" bIns="0" rtlCol="0" anchor="ctr" anchorCtr="0">
            <a:noAutofit/>
          </a:bodyPr>
          <a:lstStyle>
            <a:lvl1pPr marL="0" indent="-182880" algn="l" defTabSz="1218354" rtl="0" eaLnBrk="1" latinLnBrk="0" hangingPunct="1">
              <a:lnSpc>
                <a:spcPct val="90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2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36576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54864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704088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6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0" indent="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lang="en-US" sz="1000" b="0" i="0" kern="1200" baseline="0" dirty="0" smtClean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6pPr>
            <a:lvl7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marR="0" indent="0" algn="l" defTabSz="1218354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tabLst/>
              <a:defRPr sz="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*Not addressed in this presentation</a:t>
            </a:r>
          </a:p>
        </p:txBody>
      </p:sp>
    </p:spTree>
    <p:extLst>
      <p:ext uri="{BB962C8B-B14F-4D97-AF65-F5344CB8AC3E}">
        <p14:creationId xmlns:p14="http://schemas.microsoft.com/office/powerpoint/2010/main" val="3044267168"/>
      </p:ext>
    </p:extLst>
  </p:cSld>
  <p:clrMapOvr>
    <a:masterClrMapping/>
  </p:clrMapOvr>
  <p:transition spd="slow"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26BBD1-A313-124D-8629-F04A7763594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US" dirty="0"/>
              <a:t>Patient Acces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06F09D-7ACA-F44E-9E7F-92A0B45050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 What is it?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4CDA5EC5-E384-D342-ABC9-06883A27C6E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093358088"/>
              </p:ext>
            </p:extLst>
          </p:nvPr>
        </p:nvGraphicFramePr>
        <p:xfrm>
          <a:off x="5019236" y="1431925"/>
          <a:ext cx="6824385" cy="45878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10242" name="Picture 2" descr="Industry Response to ONC Cures Act Final Rule | Health IT Answers">
            <a:extLst>
              <a:ext uri="{FF2B5EF4-FFF2-40B4-BE49-F238E27FC236}">
                <a16:creationId xmlns:a16="http://schemas.microsoft.com/office/drawing/2014/main" id="{7F9193A4-03DB-404D-AD6D-13F562FC29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324" y="2114428"/>
            <a:ext cx="4674032" cy="26291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13FBE301-E1A7-C647-A320-22ECA6A6C0F6}"/>
              </a:ext>
            </a:extLst>
          </p:cNvPr>
          <p:cNvSpPr txBox="1">
            <a:spLocks/>
          </p:cNvSpPr>
          <p:nvPr/>
        </p:nvSpPr>
        <p:spPr>
          <a:xfrm>
            <a:off x="8180" y="6019815"/>
            <a:ext cx="12190143" cy="457200"/>
          </a:xfrm>
          <a:prstGeom prst="rect">
            <a:avLst/>
          </a:prstGeom>
        </p:spPr>
        <p:txBody>
          <a:bodyPr vert="horz" lIns="365760" tIns="0" rIns="91440" bIns="0" rtlCol="0" anchor="ctr" anchorCtr="0">
            <a:noAutofit/>
          </a:bodyPr>
          <a:lstStyle>
            <a:lvl1pPr marL="0" indent="-182880" algn="l" defTabSz="1218354" rtl="0" eaLnBrk="1" latinLnBrk="0" hangingPunct="1">
              <a:lnSpc>
                <a:spcPct val="90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2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36576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548640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8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704088" indent="-18288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16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0" indent="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lang="en-US" sz="1000" b="0" i="0" kern="1200" baseline="0" dirty="0" smtClean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6pPr>
            <a:lvl7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1218354" rtl="0" eaLnBrk="1" latinLnBrk="0" hangingPunct="1">
              <a:lnSpc>
                <a:spcPct val="90000"/>
              </a:lnSpc>
              <a:spcBef>
                <a:spcPts val="600"/>
              </a:spcBef>
              <a:spcAft>
                <a:spcPts val="60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defRPr sz="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marR="0" indent="0" algn="l" defTabSz="1218354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>
                <a:schemeClr val="bg2"/>
              </a:buClr>
              <a:buSzPct val="110000"/>
              <a:buFont typeface="Arial" panose="020B0604020202020204" pitchFamily="34" charset="0"/>
              <a:buNone/>
              <a:tabLst/>
              <a:defRPr sz="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*Not addressed in this presentation</a:t>
            </a:r>
          </a:p>
        </p:txBody>
      </p:sp>
    </p:spTree>
    <p:extLst>
      <p:ext uri="{BB962C8B-B14F-4D97-AF65-F5344CB8AC3E}">
        <p14:creationId xmlns:p14="http://schemas.microsoft.com/office/powerpoint/2010/main" val="1969905424"/>
      </p:ext>
    </p:extLst>
  </p:cSld>
  <p:clrMapOvr>
    <a:masterClrMapping/>
  </p:clrMapOvr>
  <p:transition spd="slow"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9">
            <a:extLst>
              <a:ext uri="{FF2B5EF4-FFF2-40B4-BE49-F238E27FC236}">
                <a16:creationId xmlns:a16="http://schemas.microsoft.com/office/drawing/2014/main" id="{45084011-E11B-BB4E-AACF-5ED8F0162F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 Who’s The Boss</a:t>
            </a:r>
          </a:p>
        </p:txBody>
      </p:sp>
      <p:pic>
        <p:nvPicPr>
          <p:cNvPr id="3" name="Picture Placeholder 2" descr="A picture containing person, indoor, table, sitting&#10;&#10;Description automatically generated">
            <a:extLst>
              <a:ext uri="{FF2B5EF4-FFF2-40B4-BE49-F238E27FC236}">
                <a16:creationId xmlns:a16="http://schemas.microsoft.com/office/drawing/2014/main" id="{908B2765-06EB-7644-96A7-0824ACF113BB}"/>
              </a:ext>
            </a:extLst>
          </p:cNvPr>
          <p:cNvPicPr>
            <a:picLocks noGrp="1" noChangeAspect="1"/>
          </p:cNvPicPr>
          <p:nvPr>
            <p:ph type="pic" sz="quarter" idx="23"/>
          </p:nvPr>
        </p:nvPicPr>
        <p:blipFill>
          <a:blip r:embed="rId3"/>
          <a:srcRect l="5629" r="5629"/>
          <a:stretch>
            <a:fillRect/>
          </a:stretch>
        </p:blipFill>
        <p:spPr>
          <a:xfrm>
            <a:off x="908907" y="4655964"/>
            <a:ext cx="1809709" cy="1529775"/>
          </a:xfrm>
        </p:spPr>
      </p:pic>
      <p:sp>
        <p:nvSpPr>
          <p:cNvPr id="28" name="Text Placeholder 27">
            <a:extLst>
              <a:ext uri="{FF2B5EF4-FFF2-40B4-BE49-F238E27FC236}">
                <a16:creationId xmlns:a16="http://schemas.microsoft.com/office/drawing/2014/main" id="{0DF9170F-0669-A843-9329-22AD3A30B91D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609401" y="4295886"/>
            <a:ext cx="2408723" cy="366247"/>
          </a:xfrm>
        </p:spPr>
        <p:txBody>
          <a:bodyPr/>
          <a:lstStyle/>
          <a:p>
            <a:r>
              <a:rPr lang="en-US" dirty="0"/>
              <a:t>Others</a:t>
            </a:r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43A98C01-FA60-E74F-AB04-C9BAF88D34BB}"/>
              </a:ext>
            </a:extLst>
          </p:cNvPr>
          <p:cNvGraphicFramePr/>
          <p:nvPr/>
        </p:nvGraphicFramePr>
        <p:xfrm>
          <a:off x="2031470" y="757985"/>
          <a:ext cx="8125883" cy="54172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6" name="Picture 5">
            <a:extLst>
              <a:ext uri="{FF2B5EF4-FFF2-40B4-BE49-F238E27FC236}">
                <a16:creationId xmlns:a16="http://schemas.microsoft.com/office/drawing/2014/main" id="{72785920-829C-C347-95D4-674EAC2554F1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t="2537" r="1826"/>
          <a:stretch/>
        </p:blipFill>
        <p:spPr>
          <a:xfrm>
            <a:off x="5736732" y="4479010"/>
            <a:ext cx="3449467" cy="70565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681837-D39D-FF43-9EBB-B640268B11C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347167" y="2933209"/>
            <a:ext cx="6197600" cy="95250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3F75165-F85E-0D4E-A549-5C764448441E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5960609" y="1348116"/>
            <a:ext cx="2962159" cy="1189035"/>
          </a:xfrm>
          <a:prstGeom prst="rect">
            <a:avLst/>
          </a:prstGeom>
        </p:spPr>
      </p:pic>
      <p:graphicFrame>
        <p:nvGraphicFramePr>
          <p:cNvPr id="12" name="Content Placeholder 6">
            <a:extLst>
              <a:ext uri="{FF2B5EF4-FFF2-40B4-BE49-F238E27FC236}">
                <a16:creationId xmlns:a16="http://schemas.microsoft.com/office/drawing/2014/main" id="{571E5211-B14A-E241-8D4F-096E2FA3C51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53193196"/>
              </p:ext>
            </p:extLst>
          </p:nvPr>
        </p:nvGraphicFramePr>
        <p:xfrm>
          <a:off x="158709" y="1212212"/>
          <a:ext cx="3656936" cy="138423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</p:spTree>
    <p:extLst>
      <p:ext uri="{BB962C8B-B14F-4D97-AF65-F5344CB8AC3E}">
        <p14:creationId xmlns:p14="http://schemas.microsoft.com/office/powerpoint/2010/main" val="3800960107"/>
      </p:ext>
    </p:extLst>
  </p:cSld>
  <p:clrMapOvr>
    <a:masterClrMapping/>
  </p:clrMapOvr>
  <p:transition spd="slow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MuMSIsIk9yaWdpbmFsQXNzZW1ibHlWZXJzaW9uIjoiNC4wMy4wMS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MjQwLjAwNzg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g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i0wOC0wMl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i0wOC0wMlQyMzo1OTowMFoiLCJTdHlsZSI6eyIkaWQiOiIxNjciLCJTaGFwZSI6MTksIkNvbm5lY3Rvck1hcmdpbiI6eyIkcmVmIjoiNTQifSwiQ29ubmVjdG9yU3R5bGUiOnsiJGlkIjoiMTY4IiwiTGluZUNvbG9yIjp7IiRpZCI6IjE2OSIsIiR0eXBlIjoiTkxSRS5Db21tb24uRG9tLlNvbGlkQ29sb3JCcnVzaCwgTkxSRS5Db21tb24iLCJDb2xvciI6eyIkaWQiOiIxNzAiLCJBIjoxMjcsIlIiOjc5LCJHIjoxMjksIkIiOjE4OX19LCJMaW5lV2VpZ2h0IjoxLjIsIkxpbmVUeXBlIjowLCJQYXJlbnRTdHlsZSI6bnVsbH0sIklzQmVsb3dUaW1lYmFuZCI6ZmFsc2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IzNCwiRyI6MjIsIkIiOjMwfX0sIklzVmlzaWJsZSI6dHJ1ZSwiV2lkdGgiOjEzLjAsIkhlaWdodCI6MTMuMCwiQm9yZGVyU3R5bGUiOnsiJGlkIjoiMTc0IiwiTGluZUNvbG9yIjp7IiRyZWYiOiI2NSJ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Rm9ybWF0Ijp7IiRpZCI6IjE4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kwIiwiRGF0ZVBhcnRJc1Zpc2libGUiOnRydWUsIlRpbWVQYXJ0SXNWaXNpYmxlIjpmYWxzZX19LCJXZWVrTnVtYmVyaW5nIjp7IiRpZCI6IjE5MS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aWQiOiIyMTIiLCJDb2xvciI6eyIkaWQiOiIy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xNCIsIkNvbG9yIjp7IiRpZCI6IjIxNSIsIkEiOjAsIlIiOjI1NSwiRyI6MjU1LCJCIjoyNTV9fSwiSXNWaXNpYmxlIjp0cnVlLCJXaWR0aCI6MC4wLCJIZWlnaHQiOjAuMCwiQm9yZGVyU3R5bGUiOnsiJGlkIjoiMjE2IiwiTGluZUNvbG9yIjpudWxsLCJMaW5lV2VpZ2h0IjowLjAsIkxpbmVUeXBlIjowLCJQYXJlbnRTdHlsZSI6bnVsbH0sIlBhcmVudFN0eWxlIjpudWxsfSwiRGF0ZUZvcm1hdCI6eyIkaWQiOiIyMTc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2IiwiTGluZUNvbG9yIjpudWxsLCJMaW5lV2VpZ2h0IjowLjAsIkxpbmVUeXBlIjowLCJQYXJlbnRTdHlsZSI6bnVsbH0sIlBhcmVudFN0eWxlIjpudWxsfSwiRHVyYXRpb25TdHlsZSI6eyIkaWQiOiIyMjciLCJGb250U2V0dGluZ3MiOnsiJGlkIjoiMj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kiLCJMaW5lQ29sb3IiOm51bGwsIkxpbmVXZWlnaHQiOjAuMCwiTGluZVR5cGUiOjAsIlBhcmVudFN0eWxlIjpudWxsfSwiUGFyZW50U3R5bGUiOm51bGx9LCJIb3Jpem9udGFsQ29ubmVjdG9yU3R5bGUiOnsiJGlkIjoiMjMwIiwiTGluZUNvbG9yIjp7IiRyZWYiOiI5OSJ9LCJMaW5lV2VpZ2h0IjoxLjAsIkxpbmVUeXBlIjowLCJQYXJlbnRTdHlsZSI6bnVsbH0sIlZlcnRpY2FsQ29ubmVjdG9yU3R5bGUiOnsiJGlkIjoiMjMx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QwIiwiTGluZUNvbG9yIjpudWxsLCJMaW5lV2VpZ2h0IjowLjAsIkxpbmVUeXBlIjowLCJQYXJlbnRTdHlsZSI6bnVsbH0sIlBhcmVudFN0eWxlIjpudWxsfSwiRGF0ZVN0eWxlIjp7IiRpZCI6IjI0MSIsIkZvbnRTZXR0aW5ncyI6eyIkaWQiOiIyNDI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DMiLCJMaW5lQ29sb3IiOm51bGwsIkxpbmVXZWlnaHQiOjAuMCwiTGluZVR5cGUiOjAsIlBhcmVudFN0eWxlIjpudWxsfSwiUGFyZW50U3R5bGUiOm51bGx9LCJEYXRlRm9ybWF0Ijp7IiRpZCI6IjI0N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TIiLCJMaW5lQ29sb3IiOm51bGwsIkxpbmVXZWlnaHQiOjAuMCwiTGluZVR5cGUiOjAsIlBhcmVudFN0eWxlIjpudWxsfSwiUGFyZW50U3R5bGUiOm51bGx9LCJEdXJhdGlvblN0eWxlIjp7IiRpZCI6IjI1MyIsIkZvbnRTZXR0aW5ncyI6eyIkaWQiOiIyNT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1NSIsIkxpbmVDb2xvciI6bnVsbCwiTGluZVdlaWdodCI6MC4wLCJMaW5lVHlwZSI6MCwiUGFyZW50U3R5bGUiOm51bGx9LCJQYXJlbnRTdHlsZSI6bnVsbH0sIkhvcml6b250YWxDb25uZWN0b3JTdHlsZSI6eyIkaWQiOiIyNTYiLCJMaW5lQ29sb3IiOnsiJHJlZiI6Ijk5In0sIkxpbmVXZWlnaHQiOjEuMCwiTGluZVR5cGUiOjAsIlBhcmVudFN0eWxlIjpudWxsfSwiVmVydGljYWxDb25uZWN0b3JTdHlsZSI6eyIkaWQiOiIyNTciLCJMaW5lQ29sb3IiOnsiJHJlZiI6IjEwMiJ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YiLCJMaW5lQ29sb3IiOm51bGwsIkxpbmVXZWlnaHQiOjAuMCwiTGluZVR5cGUiOjAsIlBhcmVudFN0eWxlIjpudWxsfSwiUGFyZW50U3R5bGUiOm51bGx9LCJEYXRlU3R5bGUiOnsiJGlkIjoiMjY3IiwiRm9udFNldHRpbmdzIjp7IiRpZCI6IjI2OCIsIkZvbnRTaXplIjoxM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ZmFsc2UsIldpZHRoIjowLjAsIkhlaWdodCI6MC4wLCJCb3JkZXJTdHlsZSI6eyIkaWQiOiIyNzEiLCJMaW5lQ29sb3IiOm51bGwsIkxpbmVXZWlnaHQiOjAuMCwiTGluZVR5cGUiOjAsIlBhcmVudFN0eWxlIjpudWxsfSwiUGFyZW50U3R5bGUiOm51bGx9LCJEYXRlRm9ybWF0Ijp7IiRpZCI6IjI3M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I4OSIsIkNvbG9yIjp7IiRyZWYiOiIyODMifX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GlkIjoiMjkyIiwiJHR5cGUiOiJOTFJFLkNvbW1vbi5Eb20uU29saWRDb2xvckJydXNoLCBOTFJFLkNvbW1vbiIsIkNvbG9yIjp7IiRpZCI6IjI5MyIsIkEiOjI1NSwiUiI6MjA0LCJHIjoyMDQsIkIiOjIwNH19LCJMaW5lV2VpZ2h0IjoxLjAsIkxpbmVUeXBlIjowLCJQYXJlbnRTdHlsZSI6bnVsbH0sIlZlcnRpY2FsQ29ubmVjdG9yU3R5bGUiOnsiJGlkIjoiMjk0IiwiTGluZUNvbG9yIjp7IiRpZCI6IjI5NSIsIiR0eXBlIjoiTkxSRS5Db21tb24uRG9tLlNvbGlkQ29sb3JCcnVzaCwgTkxSRS5Db21tb24iLCJDb2xvciI6eyIkaWQiOiIyOTYiLCJBIjoyNTUsIlIiOjIwNCwiRyI6MjA0LCJCIjoyMDR9fSwiTGluZVdlaWdodCI6MS4y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yIsIk1hcmdpbiI6eyIkcmVmIjoiMTA1In0sIlBhZGRpbmciOnsiJHJlZiI6IjEwNiJ9LCJCYWNrZ3JvdW5kIjp7IiRpZCI6IjI5OCIsIkNvbG9yIjp7IiRpZCI6IjI5OSIsIkEiOjI1NSwiUiI6MCwiRyI6MTE0LCJCIjoxODh9fSwiSXNWaXNpYmxlIjp0cnVlLCJXaWR0aCI6MC4wLCJIZWlnaHQiOjE2LjAsIkJvcmRlclN0eWxlIjp7IiRpZCI6IjMwMCIsIkxpbmVDb2xvciI6eyIkaWQiOiIzMDEiLCIkdHlwZSI6Ik5MUkUuQ29tbW9uLkRvbS5Tb2xpZENvbG9yQnJ1c2gsIE5MUkUuQ29tbW9uIiwiQ29sb3IiOnsiJGlkIjoiMzAyIiwiQSI6MjU1LCJSIjoyNTUsIkciOjAsIkIiOjB9fSwiTGluZVdlaWdodCI6MC4w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AsIkZvcmVncm91bmQiOnsiJGlkIjoiMzA1IiwiQ29sb3IiOnsiJGlkIjoiMzA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xMC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zMTQiLCJDb2xvciI6eyIkaWQiOiIzMTUiLCJBIjowLCJSIjoyNTUsIkciOjI1NSwiQiI6MjU1fX0sIklzVmlzaWJsZSI6dHJ1ZSwiV2lkdGgiOjAuMCwiSGVpZ2h0IjowLjAsIkJvcmRlclN0eWxlIjp7IiRpZCI6IjMxNiIsIkxpbmVDb2xvciI6bnVsbCwiTGluZVdlaWdodCI6MC4wLCJMaW5lVHlwZSI6MCwiUGFyZW50U3R5bGUiOm51bGx9LCJQYXJlbnRTdHlsZSI6bnVsbH0sIkRhdGVGb3JtYXQiOnsiJGlkIjoiMzE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MyNyIsIkNvbG9yIjp7IiRpZCI6IjMyOCIsIkEiOjg5LCJSIjowLCJHIjowLCJCIjowfX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zNTkiLCJDb2xvciI6eyIkaWQiOiIzNjAiLCJBIjowLCJSIjoyNTUsIkciOjI1NSwiQiI6MjU1fX0sIklzVmlzaWJsZSI6dHJ1ZSwiV2lkdGgiOjAuMCwiSGVpZ2h0IjowLjAsIkJvcmRlclN0eWxlIjp7IiRpZCI6IjM2MSIsIkxpbmVDb2xvciI6bnVsbCwiTGluZVdlaWdodCI6MC4wLCJMaW5lVHlwZSI6MCwiUGFyZW50U3R5bGUiOm51bGx9LCJQYXJlbnRTdHlsZSI6bnVsbH0sIkRhdGVGb3JtYXQiOnsiJGlkIjoiMzY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zNzkiLCJDb2xvciI6eyIkcmVmIjoiMzczIn1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pZCI6IjM4MiIsIiR0eXBlIjoiTkxSRS5Db21tb24uRG9tLlNvbGlkQ29sb3JCcnVzaCwgTkxSRS5Db21tb24iLCJDb2xvciI6eyIkaWQiOiIzODMiLCJBIjoyNTUsIlIiOjIwNCwiRyI6MjA0LCJCIjoyMDR9fSwiTGluZVdlaWdodCI6MS4wLCJMaW5lVHlwZSI6MCwiUGFyZW50U3R5bGUiOm51bGx9LCJWZXJ0aWNhbENvbm5lY3RvclN0eWxlIjp7IiRpZCI6IjM4NCIsIkxpbmVDb2xvciI6eyIkaWQiOiIzODUiLCIkdHlwZSI6Ik5MUkUuQ29tbW9uLkRvbS5Tb2xpZENvbG9yQnJ1c2gsIE5MUkUuQ29tbW9uIiwiQ29sb3IiOnsiJGlkIjoiMzg2IiwiQSI6MjU1LCJSIjoyMDQsIkciOjIwNCwiQiI6MjA0fX0sIkxpbmVXZWlnaHQiOjEuMi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ODciLCJNYXJnaW4iOnsiJHJlZiI6IjEwNSJ9LCJQYWRkaW5nIjp7IiRyZWYiOiIxMDYifSwiQmFja2dyb3VuZCI6eyIkaWQiOiIzODgiLCJDb2xvciI6eyIkaWQiOiIzODkiLCJBIjoyNTUsIlIiOjAsIkciOjExNCwiQiI6MTg4fX0sIklzVmlzaWJsZSI6dHJ1ZSwiV2lkdGgiOjAuMCwiSGVpZ2h0IjoxNi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pZCI6IjQwN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E3IiwiQ29sb3IiOnsiJGlkIjoiNDE4IiwiQSI6ODksIlIiOjAsIkciOjAsIkIiOjB9fSwiSXNWaXNpYmxlIjp0cnVlLCJXaWR0aCI6MC4wLCJIZWlnaHQiOjAuMCwiQm9yZGVyU3R5bGUiOnsiJGlkIjoiNDE5IiwiTGluZUNvbG9yIjpudWxsLCJMaW5lV2VpZ2h0IjowLjAsIkxpbmVUeXBlIjowLCJQYXJlbnRTdHlsZSI6bnVsbH0sIlBhcmVudFN0eWxlIjpudWxsfSwiRHVyYXRpb25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MyIiwiTWFyZ2luIjp7IiRyZWYiOiIxMDUifSwiUGFkZGluZyI6eyIkcmVmIjoiMTA2In0sIkJhY2tncm91bmQiOnsiJGlkIjoiNDMzIiwiQ29sb3IiOnsiJGlkIjoiNDM0IiwiQSI6MjU1LCJSIjowLCJHIjoxMTQsIkIiOjE4OH19LCJJc1Zpc2libGUiOnRydWUsIldpZHRoIjowLjAsIkhlaWdodCI6MTY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udWxsfSwiVGl0bGVTdHlsZSI6eyIkaWQiOiI0MzgiLCJGb250U2V0dGluZ3MiOnsiJGlkIjoiNDM5IiwiRm9udFNpemUiOjExLCJGb250TmFtZSI6IkNhbGlicmkiLCJJc0JvbGQiOnRydWUsIklzSXRhbGljIjpmYWxzZSwiSXNVbmRlcmxpbmVkIjpmYWxzZSwiUGFyZW50U3R5bGUiOm51bGx9LCJBdXRvU2l6ZSI6MCwiRm9yZWdyb3VuZCI6eyIkaWQiOiI0NDAiLCJDb2xvciI6eyIkaWQiOiI0ND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0NDIiLCJDb2xvciI6eyIkaWQiOiI0NDMiLCJBIjowLCJSIjoyNTUsIkciOjI1NSwiQiI6MjU1fX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UZvcm1hdCI6eyIkaWQiOiI0NTI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YzIiwiTGluZUNvbG9yIjpudWxsLCJMaW5lV2VpZ2h0IjowLjAsIkxpbmVUeXBlIjowLCJQYXJlbnRTdHlsZSI6bnVsbH0sIlBhcmVudFN0eWxlIjpudWxsfSwiSG9yaXpvbnRhbENvbm5lY3RvclN0eWxlIjp7IiRpZCI6IjQ2NCIsIkxpbmVDb2xvciI6eyIkcmVmIjoiOTkifSwiTGluZVdlaWdodCI6MS4wLCJMaW5lVHlwZSI6MCwiUGFyZW50U3R5bGUiOm51bGx9LCJWZXJ0aWNhbENvbm5lY3RvclN0eWxlIjp7IiRpZCI6IjQ2NSIsIkxpbmVDb2xvciI6eyIkaWQiOiI0NjYiLCIkdHlwZSI6Ik5MUkUuQ29tbW9uLkRvbS5Tb2xpZENvbG9yQnJ1c2gsIE5MUkUuQ29tbW9uIiwiQ29sb3IiOnsiJGlkIjoiNDY3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MTAsIkZvbnROYW1lIjoiQ2FsaWJyaSIsIklzQm9sZCI6ZmFsc2UsIklzSXRhbGljIjpmYWxzZSwiSXNVbmRlcmxpbmVkIjpmYWxzZSwiUGFyZW50U3R5bGUiOm51bGx9LCJBdXRvU2l6ZSI6MCwiRm9yZWdyb3VuZCI6eyIkaWQiOiI0ODMiLCJDb2xvciI6eyIkaWQiOiI0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Rm9ybWF0Ijp7IiRpZCI6IjQ4OCIsIkZvcm1hdFN0cmluZyI6Ik1NTSBkIFwiJ1wi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5NiIsIlVzZVRpbWUiOmZhbHNlLCJXb3JrRGF5U3RhcnQiOiIwMDowMDowMCIsIldvcmtEYXlFbmQiOiIyMzo1OTowMCJ9LCJMYXN0VXNlZFRlbXBsYXRlSWQiOiJmMzc0NjA2My0wMDRjLTQ0NWQtOTE4Ny1jZWRmN2FjZTE0M2IiLCJGaXJzdFdlZWtPZlllYXIiOjB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LeafTimeband"/>
  <p:tag name="OTLTIMEBANDTHREEDEFFECTS" val="None"/>
  <p:tag name="OTLTIMEBANDAUTODATERANGE" val="True"/>
  <p:tag name="OTLTIMEBANDSTARTDATE" val="0001-01-01T00:00:00.0000000"/>
  <p:tag name="OTLTIMEBANDENDDATE" val="2022-08-0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01T23:59:00.0000000Z"/>
  <p:tag name="OTLENDDATE" val="2022-08-01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DATEFORMATSTRING" val="MMM d &quot;'&quot;yy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01T00:00:00.0000000Z"/>
  <p:tag name="OTLENDDATE" val="2022-06-30T23:59:00.0000000Z"/>
  <p:tag name="OTLDATEFORMATSTRING" val="MMM d &quot;'&quot;yy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1T00:00:00.0000000Z"/>
  <p:tag name="OTLENDDATE" val="2022-08-01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DATEFORMATSTRING" val="MMM d &quot;'&quot;yy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23:59:00.0000000Z"/>
  <p:tag name="OTLDURATIONFORMAT" val="day"/>
  <p:tag name="OTLSPACING" val="5"/>
  <p:tag name="OTLENDDATE" val="2022-04-30T23:59:00.0000000Z"/>
  <p:tag name="OTLMARKERSHAPE" val="OTL"/>
  <p:tag name="OTLDATEFORMATSTRING" val="MMM d &quot;'&quot;yy"/>
  <p:tag name="OTLSHAPETHICKNESSTYPE" val="Custom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MS Proposed Implementation Deadline"/>
  <p:tag name="OTLDATE" val="2022-08-02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 &quot;'&quot;yy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lennium 2018.08 GA Release"/>
  <p:tag name="OTLDATE" val="2021-07-28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 &quot;'&quot;yy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-No-Footer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 template wide screen PPT May2019 FAT" id="{DE0322A5-19A6-A247-82FE-41EE576DB43C}" vid="{35E91A59-8525-7C41-BABD-DA35A44C6B5A}"/>
    </a:ext>
  </a:extLst>
</a:theme>
</file>

<file path=ppt/theme/theme2.xml><?xml version="1.0" encoding="utf-8"?>
<a:theme xmlns:a="http://schemas.openxmlformats.org/drawingml/2006/main" name="2-Footer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 template wide screen PPT May2019 FAT" id="{DE0322A5-19A6-A247-82FE-41EE576DB43C}" vid="{EB70166B-C96E-7845-80A2-B99CE840A295}"/>
    </a:ext>
  </a:extLst>
</a:theme>
</file>

<file path=ppt/theme/theme3.xml><?xml version="1.0" encoding="utf-8"?>
<a:theme xmlns:a="http://schemas.openxmlformats.org/drawingml/2006/main" name="3-blue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rand template wide screen PPT May2019 FAT" id="{DE0322A5-19A6-A247-82FE-41EE576DB43C}" vid="{3016678F-6E62-9241-9BC1-80E1986464B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9B6CE22E2E9F1418ABDF8246E4FE7F0" ma:contentTypeVersion="10" ma:contentTypeDescription="Create a new document." ma:contentTypeScope="" ma:versionID="55162a378576bb5f71c390978599c9b1">
  <xsd:schema xmlns:xsd="http://www.w3.org/2001/XMLSchema" xmlns:xs="http://www.w3.org/2001/XMLSchema" xmlns:p="http://schemas.microsoft.com/office/2006/metadata/properties" xmlns:ns2="c7d98840-9f49-4467-b503-072cb43aa6d5" xmlns:ns3="23abee8c-ad54-4615-9f4f-c2f5114c64e7" targetNamespace="http://schemas.microsoft.com/office/2006/metadata/properties" ma:root="true" ma:fieldsID="9934de5e954f41fe6f8cdfca93b9e87d" ns2:_="" ns3:_="">
    <xsd:import namespace="c7d98840-9f49-4467-b503-072cb43aa6d5"/>
    <xsd:import namespace="23abee8c-ad54-4615-9f4f-c2f5114c64e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7d98840-9f49-4467-b503-072cb43aa6d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3abee8c-ad54-4615-9f4f-c2f5114c64e7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7C7033C4-6FF2-4EED-842D-FF9CA7F99C6C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1A461E6-57E7-44AC-B458-7FF9773DF16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7d98840-9f49-4467-b503-072cb43aa6d5"/>
    <ds:schemaRef ds:uri="23abee8c-ad54-4615-9f4f-c2f5114c64e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9C36E6E-A581-494A-9554-02C0C60981E0}">
  <ds:schemaRefs>
    <ds:schemaRef ds:uri="2d1ea1c5-6092-4d81-bb6a-b67d9905353e"/>
    <ds:schemaRef ds:uri="http://schemas.microsoft.com/office/2006/documentManagement/types"/>
    <ds:schemaRef ds:uri="http://purl.org/dc/dcmitype/"/>
    <ds:schemaRef ds:uri="6827f89e-e6d0-4d92-8e92-14f414f4ae41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1-No-Footer</Template>
  <TotalTime>3769</TotalTime>
  <Words>821</Words>
  <Application>Microsoft Macintosh PowerPoint</Application>
  <PresentationFormat>Custom</PresentationFormat>
  <Paragraphs>202</Paragraphs>
  <Slides>28</Slides>
  <Notes>28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8</vt:i4>
      </vt:variant>
    </vt:vector>
  </HeadingPairs>
  <TitlesOfParts>
    <vt:vector size="35" baseType="lpstr">
      <vt:lpstr>Arial</vt:lpstr>
      <vt:lpstr>Arial Regular</vt:lpstr>
      <vt:lpstr>Calibri</vt:lpstr>
      <vt:lpstr>Courier</vt:lpstr>
      <vt:lpstr>1-No-Footer</vt:lpstr>
      <vt:lpstr>2-Footer</vt:lpstr>
      <vt:lpstr>3-blue</vt:lpstr>
      <vt:lpstr>PowerPoint Presentation</vt:lpstr>
      <vt:lpstr>PowerPoint Presentation</vt:lpstr>
      <vt:lpstr>PowerPoint Presentation</vt:lpstr>
      <vt:lpstr>Agenda</vt:lpstr>
      <vt:lpstr>PowerPoint Presentation</vt:lpstr>
      <vt:lpstr>Background: What is it?</vt:lpstr>
      <vt:lpstr>Background: What is it?</vt:lpstr>
      <vt:lpstr>Background: What is it?</vt:lpstr>
      <vt:lpstr>Background: Who’s The Boss</vt:lpstr>
      <vt:lpstr>Background: Who’s The Boss</vt:lpstr>
      <vt:lpstr>PowerPoint Presentation</vt:lpstr>
      <vt:lpstr>FHIR Resources: US Core</vt:lpstr>
      <vt:lpstr>FHIR Resources: USCDI</vt:lpstr>
      <vt:lpstr>FHIR Resources: Requirements Profile Matrix</vt:lpstr>
      <vt:lpstr>PowerPoint Presentation</vt:lpstr>
      <vt:lpstr>Prerequisites</vt:lpstr>
      <vt:lpstr>Prerequisites</vt:lpstr>
      <vt:lpstr>Prerequisites</vt:lpstr>
      <vt:lpstr>Prerequisites</vt:lpstr>
      <vt:lpstr>PowerPoint Presentation</vt:lpstr>
      <vt:lpstr>PowerPoint Presentation</vt:lpstr>
      <vt:lpstr>Roadmap</vt:lpstr>
      <vt:lpstr>PowerPoint Presentation</vt:lpstr>
      <vt:lpstr>PowerPoint Presentation</vt:lpstr>
      <vt:lpstr>PowerPoint Presentation</vt:lpstr>
      <vt:lpstr>References</vt:lpstr>
      <vt:lpstr>References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Richwine,Brian</dc:creator>
  <cp:keywords/>
  <dc:description/>
  <cp:lastModifiedBy>Brown,Brittany</cp:lastModifiedBy>
  <cp:revision>50</cp:revision>
  <cp:lastPrinted>1601-01-01T00:00:00Z</cp:lastPrinted>
  <dcterms:created xsi:type="dcterms:W3CDTF">2020-01-16T16:14:38Z</dcterms:created>
  <dcterms:modified xsi:type="dcterms:W3CDTF">2020-10-26T16:28:28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9B6CE22E2E9F1418ABDF8246E4FE7F0</vt:lpwstr>
  </property>
</Properties>
</file>